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mc:AlternateContent xmlns:mc="http://schemas.openxmlformats.org/markup-compatibility/2006">
    <mc:Choice Requires="x15">
      <x15ac:absPath xmlns:x15ac="http://schemas.microsoft.com/office/spreadsheetml/2010/11/ac" url="\\kfs01sec\s1383\groupR7\02_難病対策グループ\20_支給認定\03_新規申請\各種様式\新規申請書\"/>
    </mc:Choice>
  </mc:AlternateContent>
  <xr:revisionPtr revIDLastSave="0" documentId="13_ncr:1_{91D620C0-6EA2-4340-AEE6-D0D1709CA653}" xr6:coauthVersionLast="47" xr6:coauthVersionMax="47" xr10:uidLastSave="{00000000-0000-0000-0000-000000000000}"/>
  <bookViews>
    <workbookView xWindow="28680" yWindow="-120" windowWidth="29040" windowHeight="15720" tabRatio="706" xr2:uid="{00000000-000D-0000-FFFF-FFFF00000000}"/>
  </bookViews>
  <sheets>
    <sheet name="入力してください" sheetId="2" r:id="rId1"/>
    <sheet name="印刷してください（本課用）" sheetId="6" r:id="rId2"/>
    <sheet name="印刷してください（保健所控え）" sheetId="33" r:id="rId3"/>
    <sheet name="印刷してください（本人控え）" sheetId="34" r:id="rId4"/>
    <sheet name="指定難病一覧" sheetId="20" r:id="rId5"/>
  </sheets>
  <definedNames>
    <definedName name="_xlnm._FilterDatabase" localSheetId="0" hidden="1">入力してください!$A$23:$T$57</definedName>
    <definedName name="_xlnm.Print_Area" localSheetId="2">'印刷してください（保健所控え）'!$A$1:$BX$39</definedName>
    <definedName name="_xlnm.Print_Area" localSheetId="1">'印刷してください（本課用）'!$A$1:$BX$39</definedName>
    <definedName name="_xlnm.Print_Area" localSheetId="3">'印刷してください（本人控え）'!$A$1:$BX$39</definedName>
    <definedName name="_xlnm.Print_Area" localSheetId="0">入力してください!$A$1:$U$11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T34" i="34" l="1"/>
  <c r="F34" i="34"/>
  <c r="BT33" i="34"/>
  <c r="X33" i="34"/>
  <c r="F33" i="34"/>
  <c r="BT31" i="34"/>
  <c r="U31" i="34"/>
  <c r="C31" i="34"/>
  <c r="U30" i="34"/>
  <c r="C30" i="34"/>
  <c r="H28" i="34"/>
  <c r="I27" i="34"/>
  <c r="Z26" i="34"/>
  <c r="S26" i="34"/>
  <c r="H26" i="34"/>
  <c r="AM24" i="34"/>
  <c r="U24" i="34"/>
  <c r="R23" i="34"/>
  <c r="O23" i="34"/>
  <c r="J23" i="34"/>
  <c r="BJ22" i="34"/>
  <c r="AQ22" i="34"/>
  <c r="J22" i="34"/>
  <c r="M21" i="34"/>
  <c r="K21" i="34"/>
  <c r="BV20" i="34"/>
  <c r="BJ20" i="34"/>
  <c r="BH20" i="34"/>
  <c r="BF20" i="34"/>
  <c r="BD20" i="34"/>
  <c r="BB20" i="34"/>
  <c r="BA20" i="34"/>
  <c r="AQ20" i="34"/>
  <c r="M20" i="34"/>
  <c r="K20" i="34"/>
  <c r="BJ19" i="34"/>
  <c r="AQ19" i="34"/>
  <c r="M19" i="34"/>
  <c r="K19" i="34"/>
  <c r="AB18" i="34"/>
  <c r="J18" i="34"/>
  <c r="BV17" i="34"/>
  <c r="BJ17" i="34"/>
  <c r="BH17" i="34"/>
  <c r="BF17" i="34"/>
  <c r="BD17" i="34"/>
  <c r="BB17" i="34"/>
  <c r="BA17" i="34"/>
  <c r="AQ17" i="34"/>
  <c r="AB17" i="34"/>
  <c r="J17" i="34"/>
  <c r="BJ16" i="34"/>
  <c r="AQ16" i="34"/>
  <c r="J16" i="34"/>
  <c r="H15" i="34"/>
  <c r="BV14" i="34"/>
  <c r="BJ14" i="34"/>
  <c r="BH14" i="34"/>
  <c r="BF14" i="34"/>
  <c r="BD14" i="34"/>
  <c r="BB14" i="34"/>
  <c r="BA14" i="34"/>
  <c r="AQ14" i="34"/>
  <c r="I14" i="34"/>
  <c r="BJ13" i="34"/>
  <c r="AQ13" i="34"/>
  <c r="AJ13" i="34"/>
  <c r="AG13" i="34"/>
  <c r="AD13" i="34"/>
  <c r="Z13" i="34"/>
  <c r="H13" i="34"/>
  <c r="BV11" i="34"/>
  <c r="BJ11" i="34"/>
  <c r="BH11" i="34"/>
  <c r="BF11" i="34"/>
  <c r="BD11" i="34"/>
  <c r="BB11" i="34"/>
  <c r="BA11" i="34"/>
  <c r="AQ11" i="34"/>
  <c r="V11" i="34"/>
  <c r="AJ10" i="34"/>
  <c r="AG10" i="34"/>
  <c r="AD10" i="34"/>
  <c r="V10" i="34"/>
  <c r="BJ9" i="34"/>
  <c r="AQ9" i="34"/>
  <c r="BV8" i="34"/>
  <c r="V7" i="34"/>
  <c r="AJ6" i="34"/>
  <c r="AG6" i="34"/>
  <c r="AD6" i="34"/>
  <c r="V6" i="34"/>
  <c r="Y3" i="34"/>
  <c r="M3" i="34"/>
  <c r="G3" i="34"/>
  <c r="BT34" i="33"/>
  <c r="F34" i="33"/>
  <c r="BT33" i="33"/>
  <c r="X33" i="33"/>
  <c r="F33" i="33"/>
  <c r="BT31" i="33"/>
  <c r="U31" i="33"/>
  <c r="C31" i="33"/>
  <c r="U30" i="33"/>
  <c r="C30" i="33"/>
  <c r="H28" i="33"/>
  <c r="I27" i="33"/>
  <c r="Z26" i="33"/>
  <c r="S26" i="33"/>
  <c r="H26" i="33"/>
  <c r="AM24" i="33"/>
  <c r="U24" i="33"/>
  <c r="R23" i="33"/>
  <c r="O23" i="33"/>
  <c r="J23" i="33"/>
  <c r="BJ22" i="33"/>
  <c r="AQ22" i="33"/>
  <c r="J22" i="33"/>
  <c r="M21" i="33"/>
  <c r="K21" i="33"/>
  <c r="BV20" i="33"/>
  <c r="BJ20" i="33"/>
  <c r="BH20" i="33"/>
  <c r="BF20" i="33"/>
  <c r="BD20" i="33"/>
  <c r="BB20" i="33"/>
  <c r="BA20" i="33"/>
  <c r="AQ20" i="33"/>
  <c r="M20" i="33"/>
  <c r="K20" i="33"/>
  <c r="BJ19" i="33"/>
  <c r="AQ19" i="33"/>
  <c r="M19" i="33"/>
  <c r="K19" i="33"/>
  <c r="AB18" i="33"/>
  <c r="J18" i="33"/>
  <c r="BV17" i="33"/>
  <c r="BJ17" i="33"/>
  <c r="BH17" i="33"/>
  <c r="BF17" i="33"/>
  <c r="BD17" i="33"/>
  <c r="BB17" i="33"/>
  <c r="BA17" i="33"/>
  <c r="AQ17" i="33"/>
  <c r="AB17" i="33"/>
  <c r="J17" i="33"/>
  <c r="BJ16" i="33"/>
  <c r="AQ16" i="33"/>
  <c r="J16" i="33"/>
  <c r="H15" i="33"/>
  <c r="BV14" i="33"/>
  <c r="BJ14" i="33"/>
  <c r="BH14" i="33"/>
  <c r="BF14" i="33"/>
  <c r="BD14" i="33"/>
  <c r="BB14" i="33"/>
  <c r="BA14" i="33"/>
  <c r="AQ14" i="33"/>
  <c r="I14" i="33"/>
  <c r="BJ13" i="33"/>
  <c r="AQ13" i="33"/>
  <c r="AJ13" i="33"/>
  <c r="AG13" i="33"/>
  <c r="AD13" i="33"/>
  <c r="Z13" i="33"/>
  <c r="H13" i="33"/>
  <c r="BV11" i="33"/>
  <c r="BJ11" i="33"/>
  <c r="BH11" i="33"/>
  <c r="BF11" i="33"/>
  <c r="BD11" i="33"/>
  <c r="BB11" i="33"/>
  <c r="BA11" i="33"/>
  <c r="AQ11" i="33"/>
  <c r="V11" i="33"/>
  <c r="AJ10" i="33"/>
  <c r="AG10" i="33"/>
  <c r="AD10" i="33"/>
  <c r="V10" i="33"/>
  <c r="BJ9" i="33"/>
  <c r="AQ9" i="33"/>
  <c r="BV8" i="33"/>
  <c r="V7" i="33"/>
  <c r="AJ6" i="33"/>
  <c r="AG6" i="33"/>
  <c r="AD6" i="33"/>
  <c r="V6" i="33"/>
  <c r="Y3" i="33"/>
  <c r="M3" i="33"/>
  <c r="G3" i="33"/>
  <c r="F34" i="6"/>
  <c r="F33" i="6"/>
  <c r="AQ22" i="6"/>
  <c r="AQ16" i="6"/>
  <c r="AQ14" i="6"/>
  <c r="BJ13" i="6"/>
  <c r="BJ11" i="6"/>
  <c r="AQ13" i="6"/>
  <c r="AQ11" i="6"/>
  <c r="BJ9" i="6"/>
  <c r="AQ9" i="6"/>
  <c r="Z26" i="6"/>
  <c r="U24" i="6"/>
  <c r="BV20" i="6" l="1"/>
  <c r="BJ22" i="6"/>
  <c r="BJ20" i="6"/>
  <c r="BH20" i="6"/>
  <c r="BF20" i="6"/>
  <c r="BD20" i="6"/>
  <c r="BB20" i="6"/>
  <c r="BA20" i="6"/>
  <c r="AQ20" i="6"/>
  <c r="BF17" i="6"/>
  <c r="BD17" i="6"/>
  <c r="BB17" i="6"/>
  <c r="BA17" i="6"/>
  <c r="BV17" i="6"/>
  <c r="BJ19" i="6"/>
  <c r="BJ17" i="6"/>
  <c r="BH17" i="6"/>
  <c r="AQ19" i="6"/>
  <c r="AQ17" i="6"/>
  <c r="BV14" i="6"/>
  <c r="BJ16" i="6"/>
  <c r="BJ14" i="6"/>
  <c r="BH14" i="6"/>
  <c r="BF14" i="6"/>
  <c r="BD14" i="6"/>
  <c r="BB14" i="6"/>
  <c r="BA14" i="6"/>
  <c r="BV11" i="6"/>
  <c r="BH11" i="6"/>
  <c r="BF11" i="6"/>
  <c r="BD11" i="6"/>
  <c r="BB11" i="6"/>
  <c r="BA11" i="6"/>
  <c r="BV8" i="6"/>
  <c r="BT34" i="6"/>
  <c r="BT33" i="6"/>
  <c r="BT31" i="6"/>
  <c r="AM24" i="6"/>
  <c r="X33" i="6"/>
  <c r="U31" i="6"/>
  <c r="U30" i="6"/>
  <c r="C31" i="6"/>
  <c r="C30" i="6"/>
  <c r="S26" i="6"/>
  <c r="AJ13" i="6"/>
  <c r="H28" i="6"/>
  <c r="I27" i="6"/>
  <c r="H26" i="6"/>
  <c r="R23" i="6"/>
  <c r="O23" i="6"/>
  <c r="J23" i="6"/>
  <c r="J22" i="6"/>
  <c r="K21" i="6"/>
  <c r="K20" i="6"/>
  <c r="K19" i="6"/>
  <c r="AB18" i="6"/>
  <c r="AB17" i="6"/>
  <c r="J18" i="6"/>
  <c r="J17" i="6"/>
  <c r="J16" i="6"/>
  <c r="H15" i="6"/>
  <c r="I14" i="6"/>
  <c r="AG13" i="6"/>
  <c r="AD13" i="6"/>
  <c r="Z13" i="6"/>
  <c r="H13" i="6"/>
  <c r="V11" i="6"/>
  <c r="AJ10" i="6"/>
  <c r="AG10" i="6"/>
  <c r="AD10" i="6"/>
  <c r="V10" i="6"/>
  <c r="AJ6" i="6"/>
  <c r="AG6" i="6"/>
  <c r="AD6" i="6"/>
  <c r="V7" i="6"/>
  <c r="V6" i="6"/>
  <c r="Y3" i="6"/>
  <c r="M3" i="6"/>
  <c r="G3" i="6"/>
  <c r="I38" i="2" l="1"/>
  <c r="M21" i="6" l="1"/>
  <c r="I37" i="2"/>
  <c r="I36" i="2"/>
  <c r="M20" i="6" l="1"/>
  <c r="M19" i="6"/>
</calcChain>
</file>

<file path=xl/sharedStrings.xml><?xml version="1.0" encoding="utf-8"?>
<sst xmlns="http://schemas.openxmlformats.org/spreadsheetml/2006/main" count="1014" uniqueCount="589">
  <si>
    <t>年</t>
    <rPh sb="0" eb="1">
      <t>ねん</t>
    </rPh>
    <phoneticPr fontId="2" type="Hiragana"/>
  </si>
  <si>
    <t>月</t>
    <rPh sb="0" eb="1">
      <t>がつ</t>
    </rPh>
    <phoneticPr fontId="2" type="Hiragana"/>
  </si>
  <si>
    <t>日</t>
    <rPh sb="0" eb="1">
      <t>にち</t>
    </rPh>
    <phoneticPr fontId="2" type="Hiragana"/>
  </si>
  <si>
    <t>球脊髄性筋萎縮症</t>
  </si>
  <si>
    <t>筋萎縮性側索硬化症</t>
  </si>
  <si>
    <t>脊髄性筋萎縮症</t>
  </si>
  <si>
    <t>原発性側索硬化症</t>
  </si>
  <si>
    <t>進行性核上性麻痺</t>
  </si>
  <si>
    <t>パーキンソン病</t>
  </si>
  <si>
    <t>大脳皮質基底核変性症</t>
  </si>
  <si>
    <t>ハンチントン病</t>
  </si>
  <si>
    <t>シャルコー・マリー・トゥース病</t>
  </si>
  <si>
    <t>重症筋無力症</t>
  </si>
  <si>
    <t>多発性硬化症／視神経脊髄炎</t>
  </si>
  <si>
    <t>慢性炎症性脱髄性多発神経炎／多巣性運動ニューロパチー</t>
  </si>
  <si>
    <t>ミトコンドリア病</t>
  </si>
  <si>
    <t>亜急性硬化性全脳炎</t>
  </si>
  <si>
    <t>HTLV-1関連脊髄症</t>
  </si>
  <si>
    <t>特発性基底核石灰化症</t>
  </si>
  <si>
    <t>ベスレムミオパチー</t>
  </si>
  <si>
    <t>自己貪食空胞性ミオパチー</t>
  </si>
  <si>
    <t>神経線維腫症</t>
  </si>
  <si>
    <t>天疱瘡</t>
  </si>
  <si>
    <t>悪性関節リウマチ</t>
  </si>
  <si>
    <t>バージャー病</t>
  </si>
  <si>
    <t>特発性血小板減少性紫斑病</t>
  </si>
  <si>
    <t>血栓性血小板減少性紫斑病</t>
  </si>
  <si>
    <t>原発性免疫不全症候群</t>
  </si>
  <si>
    <t>多発性嚢胞腎</t>
  </si>
  <si>
    <t>黄色靱帯骨化症</t>
  </si>
  <si>
    <t>広範脊柱管狭窄症</t>
  </si>
  <si>
    <t>特発性大腿骨頭壊死症</t>
  </si>
  <si>
    <t>サルコイドーシス</t>
  </si>
  <si>
    <t>肺動脈性肺高血圧症</t>
  </si>
  <si>
    <t>肺静脈閉塞症／肺毛細血管腫症</t>
  </si>
  <si>
    <t>慢性血栓塞栓性肺高血圧症</t>
  </si>
  <si>
    <t>網膜色素変性症</t>
  </si>
  <si>
    <t>バッド・キアリ症候群</t>
  </si>
  <si>
    <t>特発性門脈圧亢進症</t>
  </si>
  <si>
    <t>自己免疫性肝炎</t>
  </si>
  <si>
    <t>クローン病</t>
  </si>
  <si>
    <t>潰瘍性大腸炎</t>
  </si>
  <si>
    <t>腸管神経節細胞僅少症</t>
  </si>
  <si>
    <t>ルビンシュタイン・テイビ症候群</t>
  </si>
  <si>
    <t>CFC症候群</t>
  </si>
  <si>
    <t>コステロ症候群</t>
  </si>
  <si>
    <t>TNF受容体関連周期性症候群</t>
  </si>
  <si>
    <t>ブラウ症候群</t>
  </si>
  <si>
    <t>保護者（送付先）氏名</t>
    <rPh sb="0" eb="3">
      <t>ほごしゃ</t>
    </rPh>
    <rPh sb="4" eb="6">
      <t>そうふ</t>
    </rPh>
    <rPh sb="6" eb="7">
      <t>さき</t>
    </rPh>
    <rPh sb="8" eb="10">
      <t>しめい</t>
    </rPh>
    <phoneticPr fontId="2" type="Hiragana"/>
  </si>
  <si>
    <t>郵便番号</t>
    <rPh sb="0" eb="4">
      <t>ゆうびんばんごう</t>
    </rPh>
    <phoneticPr fontId="2" type="Hiragana"/>
  </si>
  <si>
    <t>患者との続柄</t>
    <rPh sb="0" eb="2">
      <t>かんじゃ</t>
    </rPh>
    <rPh sb="4" eb="6">
      <t>ぞくがら</t>
    </rPh>
    <phoneticPr fontId="2" type="Hiragana"/>
  </si>
  <si>
    <t>居住地</t>
    <rPh sb="0" eb="3">
      <t>きょじゅうち</t>
    </rPh>
    <phoneticPr fontId="2" type="Hiragana"/>
  </si>
  <si>
    <t>電話番号</t>
    <rPh sb="0" eb="2">
      <t>でんわ</t>
    </rPh>
    <rPh sb="2" eb="4">
      <t>ばんごう</t>
    </rPh>
    <phoneticPr fontId="2" type="Hiragana"/>
  </si>
  <si>
    <t>年</t>
    <rPh sb="0" eb="1">
      <t>ねん</t>
    </rPh>
    <phoneticPr fontId="2" type="Hiragana"/>
  </si>
  <si>
    <t>月</t>
    <rPh sb="0" eb="1">
      <t>がつ</t>
    </rPh>
    <phoneticPr fontId="2" type="Hiragana"/>
  </si>
  <si>
    <t>日</t>
    <rPh sb="0" eb="1">
      <t>にち</t>
    </rPh>
    <phoneticPr fontId="2" type="Hiragana"/>
  </si>
  <si>
    <t>先天性ミオパチー</t>
  </si>
  <si>
    <t>マリネスコ・シェーグレン症候群</t>
  </si>
  <si>
    <t>筋ジストロフィー</t>
  </si>
  <si>
    <t>非ジストロフィー性ミオトニー症候群</t>
  </si>
  <si>
    <t>アトピー性脊髄炎</t>
  </si>
  <si>
    <t>脊髄空洞症</t>
  </si>
  <si>
    <t>脊髄髄膜瘤</t>
  </si>
  <si>
    <t>遺伝性ジストニア</t>
  </si>
  <si>
    <t>神経フェリチン症</t>
  </si>
  <si>
    <t>脳表ヘモジデリン沈着症</t>
  </si>
  <si>
    <t>禿頭と変形性脊椎症を伴う常染色体劣性白質脳症</t>
  </si>
  <si>
    <t>皮質下梗塞と白質脳症を伴う常染色体優性脳動脈症</t>
  </si>
  <si>
    <t>神経軸索スフェロイド形成を伴う遺伝性びまん性白質脳症</t>
  </si>
  <si>
    <t>ビッカースタッフ脳幹脳炎</t>
  </si>
  <si>
    <t>先天性無痛無汗症</t>
  </si>
  <si>
    <t>アレキサンダー病</t>
  </si>
  <si>
    <t>先天性核上性球麻痺</t>
  </si>
  <si>
    <t>メビウス症候群</t>
  </si>
  <si>
    <t>アイカルディ症候群</t>
  </si>
  <si>
    <t>片側巨脳症</t>
  </si>
  <si>
    <t>限局性皮質異形成</t>
  </si>
  <si>
    <t>神経細胞移動異常症</t>
  </si>
  <si>
    <t>先天性大脳白質形成不全症</t>
  </si>
  <si>
    <t>ドラベ症候群</t>
  </si>
  <si>
    <t>海馬硬化を伴う内側側頭葉てんかん</t>
  </si>
  <si>
    <t>ミオクロニー欠神てんかん</t>
  </si>
  <si>
    <t>ミオクロニー脱力発作を伴うてんかん</t>
  </si>
  <si>
    <t>ウエスト症候群</t>
  </si>
  <si>
    <t>大田原症候群</t>
  </si>
  <si>
    <t>早期ミオクロニー脳症</t>
  </si>
  <si>
    <t>遊走性焦点発作を伴う乳児てんかん</t>
  </si>
  <si>
    <t>片側痙攣・片麻痺・てんかん症候群</t>
  </si>
  <si>
    <t>環状20番染色体症候群</t>
  </si>
  <si>
    <t>ラスムッセン脳炎</t>
  </si>
  <si>
    <t>難治頻回部分発作重積型急性脳炎</t>
  </si>
  <si>
    <t>徐波睡眠期持続性棘徐波を示すてんかん性脳症</t>
  </si>
  <si>
    <t>ランドウ・クレフナー症候群</t>
  </si>
  <si>
    <t>レット症候群</t>
  </si>
  <si>
    <t>スタージ・ウェーバー症候群</t>
  </si>
  <si>
    <t>ウィルソン病</t>
  </si>
  <si>
    <t>コフィン・ローリー症候群</t>
  </si>
  <si>
    <t>多脾症候群</t>
  </si>
  <si>
    <t>無脾症候群</t>
  </si>
  <si>
    <t>22q11.2欠失症候群</t>
  </si>
  <si>
    <t>脆弱X症候群</t>
  </si>
  <si>
    <t>総動脈幹遺残症</t>
  </si>
  <si>
    <t>左心低形成症候群</t>
  </si>
  <si>
    <t>抗糸球体基底膜腎炎</t>
  </si>
  <si>
    <t>一次性ネフローゼ症候群</t>
  </si>
  <si>
    <t>一次性膜性増殖性糸球体腎炎</t>
  </si>
  <si>
    <t>副甲状腺機能低下症</t>
  </si>
  <si>
    <t>副腎皮質刺激ホルモン不応症</t>
  </si>
  <si>
    <t>メープルシロップ尿症</t>
  </si>
  <si>
    <t>化膿性無菌性関節炎・壊疽性膿皮症・アクネ症候群</t>
  </si>
  <si>
    <t>肋骨異常を伴う先天性側弯症</t>
  </si>
  <si>
    <t>タナトフォリック骨異形成症</t>
  </si>
  <si>
    <t>クリッペル・トレノネー・ウェーバー症候群</t>
  </si>
  <si>
    <t>先天性赤血球形成異常性貧血</t>
  </si>
  <si>
    <t>ダイアモンド・ブラックファン貧血</t>
  </si>
  <si>
    <t>レーベル遺伝性視神経症</t>
  </si>
  <si>
    <t>　　（患者さんと同じ医療保険に加入されている方で。国民健康保険や後期高齢医療制度の場合は</t>
    <rPh sb="3" eb="5">
      <t>かんじゃ</t>
    </rPh>
    <rPh sb="8" eb="9">
      <t>おな</t>
    </rPh>
    <rPh sb="10" eb="12">
      <t>いりょう</t>
    </rPh>
    <rPh sb="12" eb="14">
      <t>ほけん</t>
    </rPh>
    <rPh sb="15" eb="17">
      <t>かにゅう</t>
    </rPh>
    <rPh sb="22" eb="23">
      <t>かた</t>
    </rPh>
    <rPh sb="25" eb="27">
      <t>こくみん</t>
    </rPh>
    <rPh sb="27" eb="29">
      <t>けんこう</t>
    </rPh>
    <rPh sb="29" eb="31">
      <t>ほけん</t>
    </rPh>
    <rPh sb="32" eb="34">
      <t>こうき</t>
    </rPh>
    <rPh sb="34" eb="36">
      <t>こうれい</t>
    </rPh>
    <rPh sb="36" eb="38">
      <t>いりょう</t>
    </rPh>
    <rPh sb="38" eb="40">
      <t>せいど</t>
    </rPh>
    <rPh sb="41" eb="43">
      <t>ばあい</t>
    </rPh>
    <phoneticPr fontId="2" type="Hiragana"/>
  </si>
  <si>
    <t>はい</t>
    <phoneticPr fontId="2"/>
  </si>
  <si>
    <t>はい</t>
    <phoneticPr fontId="2" type="Hiragana"/>
  </si>
  <si>
    <t>いいえ</t>
    <phoneticPr fontId="2" type="Hiragana"/>
  </si>
  <si>
    <t>封入体筋炎</t>
  </si>
  <si>
    <t>メチルグルタコン酸尿症</t>
  </si>
  <si>
    <t>遺伝性自己炎症疾患</t>
  </si>
  <si>
    <t>大理石骨病</t>
  </si>
  <si>
    <t>前眼部形成異常</t>
  </si>
  <si>
    <t>無虹彩症</t>
  </si>
  <si>
    <t>氏名</t>
    <rPh sb="0" eb="2">
      <t>シメイ</t>
    </rPh>
    <phoneticPr fontId="2"/>
  </si>
  <si>
    <t>電話番号</t>
    <rPh sb="0" eb="2">
      <t>デンワ</t>
    </rPh>
    <rPh sb="2" eb="4">
      <t>バンゴウ</t>
    </rPh>
    <phoneticPr fontId="2"/>
  </si>
  <si>
    <t>保険者名称</t>
    <rPh sb="0" eb="3">
      <t>ホケンシャ</t>
    </rPh>
    <rPh sb="3" eb="5">
      <t>メイショウ</t>
    </rPh>
    <phoneticPr fontId="2"/>
  </si>
  <si>
    <t>年</t>
    <rPh sb="0" eb="1">
      <t>ネン</t>
    </rPh>
    <phoneticPr fontId="2"/>
  </si>
  <si>
    <t>日</t>
    <rPh sb="0" eb="1">
      <t>ニチ</t>
    </rPh>
    <phoneticPr fontId="2"/>
  </si>
  <si>
    <t>〒</t>
    <phoneticPr fontId="2"/>
  </si>
  <si>
    <t>シュワルツ・ヤンペル症候群</t>
  </si>
  <si>
    <t>表皮水疱症</t>
  </si>
  <si>
    <t>全身性エリテマトーデス</t>
  </si>
  <si>
    <t>皮膚筋炎／多発性筋炎</t>
  </si>
  <si>
    <t>混合性結合組織病</t>
  </si>
  <si>
    <t>成人スチル病</t>
  </si>
  <si>
    <t>ベーチェット病</t>
  </si>
  <si>
    <t>特発性拡張型心筋症</t>
  </si>
  <si>
    <t>肥大型心筋症</t>
  </si>
  <si>
    <t>拘束型心筋症</t>
  </si>
  <si>
    <t>再生不良性貧血</t>
  </si>
  <si>
    <t>下垂体性ADH分泌異常症</t>
    <rPh sb="0" eb="3">
      <t>カスイタイ</t>
    </rPh>
    <rPh sb="3" eb="4">
      <t>セイ</t>
    </rPh>
    <rPh sb="7" eb="9">
      <t>ブンピツ</t>
    </rPh>
    <rPh sb="9" eb="11">
      <t>イジョウ</t>
    </rPh>
    <rPh sb="11" eb="12">
      <t>ショウ</t>
    </rPh>
    <phoneticPr fontId="3"/>
  </si>
  <si>
    <t>年</t>
    <rPh sb="0" eb="1">
      <t>ねん</t>
    </rPh>
    <phoneticPr fontId="2" type="Hiragana"/>
  </si>
  <si>
    <t>生年月日</t>
    <rPh sb="0" eb="2">
      <t>せいねん</t>
    </rPh>
    <rPh sb="2" eb="4">
      <t>がっぴ</t>
    </rPh>
    <phoneticPr fontId="2" type="Hiragana"/>
  </si>
  <si>
    <t>月</t>
    <rPh sb="0" eb="1">
      <t>がつ</t>
    </rPh>
    <phoneticPr fontId="2" type="Hiragana"/>
  </si>
  <si>
    <t>日</t>
    <rPh sb="0" eb="1">
      <t>ひ</t>
    </rPh>
    <phoneticPr fontId="2" type="Hiragana"/>
  </si>
  <si>
    <t>都道府県</t>
    <rPh sb="0" eb="4">
      <t>とどうふけん</t>
    </rPh>
    <phoneticPr fontId="2" type="Hiragana"/>
  </si>
  <si>
    <t>市区町村</t>
    <rPh sb="0" eb="1">
      <t>し</t>
    </rPh>
    <rPh sb="1" eb="2">
      <t>く</t>
    </rPh>
    <rPh sb="2" eb="4">
      <t>ちょうそん</t>
    </rPh>
    <phoneticPr fontId="2" type="Hiragana"/>
  </si>
  <si>
    <t>はい（県外や政令市で受給者であり、神奈川県へ転入してきた）</t>
    <rPh sb="3" eb="5">
      <t>ケンガイ</t>
    </rPh>
    <rPh sb="6" eb="9">
      <t>セイレイシ</t>
    </rPh>
    <rPh sb="10" eb="13">
      <t>ジュキュウシャ</t>
    </rPh>
    <rPh sb="17" eb="21">
      <t>カナガワケン</t>
    </rPh>
    <rPh sb="22" eb="24">
      <t>テンニュウ</t>
    </rPh>
    <phoneticPr fontId="2"/>
  </si>
  <si>
    <t>生年月日</t>
    <rPh sb="0" eb="4">
      <t>セイネンガッピ</t>
    </rPh>
    <phoneticPr fontId="2"/>
  </si>
  <si>
    <t>マイナンバー</t>
    <phoneticPr fontId="2"/>
  </si>
  <si>
    <t>代理人氏名</t>
    <rPh sb="0" eb="3">
      <t>だいりにん</t>
    </rPh>
    <rPh sb="3" eb="5">
      <t>しめい</t>
    </rPh>
    <phoneticPr fontId="2" type="Hiragana"/>
  </si>
  <si>
    <t>日付</t>
    <rPh sb="0" eb="2">
      <t>ひづけ</t>
    </rPh>
    <phoneticPr fontId="2" type="Hiragana"/>
  </si>
  <si>
    <t>指定難病</t>
    <rPh sb="0" eb="2">
      <t>してい</t>
    </rPh>
    <rPh sb="2" eb="4">
      <t>なんびょう</t>
    </rPh>
    <phoneticPr fontId="2" type="Hiragana"/>
  </si>
  <si>
    <t>大正</t>
    <rPh sb="0" eb="2">
      <t>たいしょう</t>
    </rPh>
    <phoneticPr fontId="2" type="Hiragana"/>
  </si>
  <si>
    <t>明治</t>
    <rPh sb="0" eb="2">
      <t>めいじ</t>
    </rPh>
    <phoneticPr fontId="2" type="Hiragana"/>
  </si>
  <si>
    <t>昭和</t>
    <rPh sb="0" eb="2">
      <t>しょうわ</t>
    </rPh>
    <phoneticPr fontId="2" type="Hiragana"/>
  </si>
  <si>
    <t>平成</t>
    <rPh sb="0" eb="2">
      <t>へいせい</t>
    </rPh>
    <phoneticPr fontId="2" type="Hiragana"/>
  </si>
  <si>
    <t>令和</t>
    <rPh sb="0" eb="2">
      <t>れいわ</t>
    </rPh>
    <phoneticPr fontId="2" type="Hiragana"/>
  </si>
  <si>
    <t>患者</t>
    <rPh sb="0" eb="2">
      <t>かんじゃ</t>
    </rPh>
    <phoneticPr fontId="2" type="Hiragana"/>
  </si>
  <si>
    <t>支給認定基準世帯員</t>
    <phoneticPr fontId="2" type="Hiragana"/>
  </si>
  <si>
    <t>氏名</t>
    <rPh sb="0" eb="2">
      <t>しめい</t>
    </rPh>
    <phoneticPr fontId="2" type="Hiragana"/>
  </si>
  <si>
    <t>患者</t>
    <rPh sb="0" eb="2">
      <t>カンジャ</t>
    </rPh>
    <phoneticPr fontId="2"/>
  </si>
  <si>
    <t>軽症高額の特例に該当しますか？</t>
    <rPh sb="0" eb="2">
      <t>けいしょう</t>
    </rPh>
    <rPh sb="2" eb="4">
      <t>こうがく</t>
    </rPh>
    <rPh sb="5" eb="7">
      <t>とくれい</t>
    </rPh>
    <rPh sb="8" eb="10">
      <t>がいとう</t>
    </rPh>
    <phoneticPr fontId="2" type="Hiragana"/>
  </si>
  <si>
    <t>人工呼吸器等を装着していますか？</t>
    <rPh sb="0" eb="2">
      <t>じんこう</t>
    </rPh>
    <rPh sb="2" eb="4">
      <t>こきゅう</t>
    </rPh>
    <rPh sb="4" eb="5">
      <t>き</t>
    </rPh>
    <rPh sb="5" eb="6">
      <t>とう</t>
    </rPh>
    <rPh sb="7" eb="9">
      <t>そうちゃく</t>
    </rPh>
    <phoneticPr fontId="2" type="Hiragana"/>
  </si>
  <si>
    <t>氏名</t>
    <phoneticPr fontId="2" type="Hiragana"/>
  </si>
  <si>
    <t>日付</t>
    <rPh sb="0" eb="2">
      <t>ひづけ</t>
    </rPh>
    <phoneticPr fontId="2" type="Hiragana"/>
  </si>
  <si>
    <t>令和</t>
    <rPh sb="0" eb="2">
      <t>レイワ</t>
    </rPh>
    <phoneticPr fontId="2"/>
  </si>
  <si>
    <t>患者さん以外の方（任意代理人の方）が申請される場合に、代理人の方のお名前を入力してください。</t>
    <rPh sb="31" eb="32">
      <t>かた</t>
    </rPh>
    <phoneticPr fontId="2" type="Hiragana"/>
  </si>
  <si>
    <t>　※1月1日～6月30日に申請する場合は、一昨年中の受給額を、
　　7月1日～12月31日に申請する場合は、前年中の受給額を記入してください。</t>
    <rPh sb="62" eb="64">
      <t>きにゅう</t>
    </rPh>
    <phoneticPr fontId="2" type="Hiragana"/>
  </si>
  <si>
    <t>指定難病か小児慢性特定疾病の受給者である場合、選択してください⇒</t>
    <rPh sb="0" eb="2">
      <t>してい</t>
    </rPh>
    <rPh sb="2" eb="4">
      <t>なんびょう</t>
    </rPh>
    <rPh sb="5" eb="7">
      <t>しょうに</t>
    </rPh>
    <rPh sb="7" eb="9">
      <t>まんせい</t>
    </rPh>
    <rPh sb="9" eb="11">
      <t>とくてい</t>
    </rPh>
    <rPh sb="11" eb="13">
      <t>しっぺい</t>
    </rPh>
    <rPh sb="14" eb="17">
      <t>じゅきゅうしゃ</t>
    </rPh>
    <rPh sb="20" eb="22">
      <t>ばあい</t>
    </rPh>
    <rPh sb="23" eb="25">
      <t>せんたく</t>
    </rPh>
    <phoneticPr fontId="2" type="Hiragana"/>
  </si>
  <si>
    <t>小児慢性特定疾病</t>
    <rPh sb="0" eb="2">
      <t>しょうに</t>
    </rPh>
    <rPh sb="2" eb="4">
      <t>まんせい</t>
    </rPh>
    <rPh sb="4" eb="6">
      <t>とくてい</t>
    </rPh>
    <rPh sb="6" eb="8">
      <t>しっぺい</t>
    </rPh>
    <phoneticPr fontId="2" type="Hiragana"/>
  </si>
  <si>
    <t>　※患者から見た関係性を入力してください。</t>
    <rPh sb="2" eb="4">
      <t>かんじゃ</t>
    </rPh>
    <rPh sb="6" eb="7">
      <t>み</t>
    </rPh>
    <rPh sb="8" eb="11">
      <t>かんけいせい</t>
    </rPh>
    <rPh sb="12" eb="14">
      <t>にゅうりょく</t>
    </rPh>
    <phoneticPr fontId="2" type="Hiragana"/>
  </si>
  <si>
    <t>転入前の住所を入力してください。⇒</t>
    <rPh sb="0" eb="2">
      <t>てんにゅう</t>
    </rPh>
    <rPh sb="2" eb="3">
      <t>まえ</t>
    </rPh>
    <rPh sb="4" eb="6">
      <t>じゅうしょ</t>
    </rPh>
    <rPh sb="7" eb="9">
      <t>にゅうりょく</t>
    </rPh>
    <phoneticPr fontId="2" type="Hiragana"/>
  </si>
  <si>
    <t>以前の受給者番号を入力してください⇒</t>
    <rPh sb="0" eb="2">
      <t>イゼン</t>
    </rPh>
    <rPh sb="3" eb="6">
      <t>ジュキュウシャ</t>
    </rPh>
    <rPh sb="6" eb="8">
      <t>バンゴウ</t>
    </rPh>
    <rPh sb="9" eb="11">
      <t>ニュウリョク</t>
    </rPh>
    <phoneticPr fontId="2"/>
  </si>
  <si>
    <t>　※和暦を選択し、生年月日を入力してください。</t>
    <rPh sb="2" eb="4">
      <t>われき</t>
    </rPh>
    <rPh sb="5" eb="7">
      <t>せんたく</t>
    </rPh>
    <rPh sb="9" eb="11">
      <t>せいねん</t>
    </rPh>
    <rPh sb="11" eb="13">
      <t>がっぴ</t>
    </rPh>
    <rPh sb="14" eb="16">
      <t>にゅうりょく</t>
    </rPh>
    <phoneticPr fontId="2" type="Hiragana"/>
  </si>
  <si>
    <t>患者との続柄</t>
    <rPh sb="0" eb="2">
      <t>かんじゃ</t>
    </rPh>
    <rPh sb="4" eb="6">
      <t>つづきがら</t>
    </rPh>
    <phoneticPr fontId="2" type="Hiragana"/>
  </si>
  <si>
    <t>指定難病の名称</t>
    <rPh sb="0" eb="2">
      <t>してい</t>
    </rPh>
    <rPh sb="2" eb="4">
      <t>なんびょう</t>
    </rPh>
    <rPh sb="5" eb="7">
      <t>めいしょう</t>
    </rPh>
    <phoneticPr fontId="2" type="Hiragana"/>
  </si>
  <si>
    <t>１　今回の申請は、神奈川県に対して初めての申請ですか？（該当するものを選択してください。）</t>
    <rPh sb="2" eb="4">
      <t>コンカイ</t>
    </rPh>
    <rPh sb="5" eb="7">
      <t>シンセイ</t>
    </rPh>
    <rPh sb="9" eb="13">
      <t>カナガワケン</t>
    </rPh>
    <rPh sb="14" eb="15">
      <t>タイ</t>
    </rPh>
    <rPh sb="17" eb="18">
      <t>ハジ</t>
    </rPh>
    <rPh sb="21" eb="23">
      <t>シンセイ</t>
    </rPh>
    <rPh sb="28" eb="30">
      <t>ガイトウ</t>
    </rPh>
    <rPh sb="35" eb="37">
      <t>センタク</t>
    </rPh>
    <phoneticPr fontId="2"/>
  </si>
  <si>
    <t>小児慢性特定疾病の受給者である場合、選択してください⇒</t>
    <rPh sb="0" eb="2">
      <t>しょうに</t>
    </rPh>
    <rPh sb="2" eb="4">
      <t>まんせい</t>
    </rPh>
    <rPh sb="4" eb="6">
      <t>とくてい</t>
    </rPh>
    <rPh sb="6" eb="8">
      <t>しっぺい</t>
    </rPh>
    <rPh sb="9" eb="12">
      <t>じゅきゅうしゃ</t>
    </rPh>
    <rPh sb="15" eb="17">
      <t>ばあい</t>
    </rPh>
    <rPh sb="18" eb="20">
      <t>せんたく</t>
    </rPh>
    <phoneticPr fontId="2" type="Hiragana"/>
  </si>
  <si>
    <t>受給者の場合、受給者番号</t>
    <rPh sb="0" eb="3">
      <t>じゅきゅうしゃ</t>
    </rPh>
    <rPh sb="4" eb="6">
      <t>ばあい</t>
    </rPh>
    <rPh sb="7" eb="12">
      <t>じゅきゅうしゃばんごう</t>
    </rPh>
    <phoneticPr fontId="2" type="Hiragana"/>
  </si>
  <si>
    <t>２　患者さんの情報を入力してください。</t>
    <rPh sb="2" eb="4">
      <t>カンジャ</t>
    </rPh>
    <rPh sb="7" eb="9">
      <t>ジョウホウ</t>
    </rPh>
    <rPh sb="10" eb="12">
      <t>ニュウリョク</t>
    </rPh>
    <phoneticPr fontId="2"/>
  </si>
  <si>
    <t>本人</t>
    <rPh sb="0" eb="2">
      <t>ホンニン</t>
    </rPh>
    <phoneticPr fontId="2"/>
  </si>
  <si>
    <t>左記のとおり</t>
    <rPh sb="0" eb="2">
      <t>サキ</t>
    </rPh>
    <phoneticPr fontId="2"/>
  </si>
  <si>
    <t>以前の
受給者番号</t>
    <rPh sb="0" eb="2">
      <t>イゼン</t>
    </rPh>
    <rPh sb="4" eb="7">
      <t>ジュキュウシャ</t>
    </rPh>
    <rPh sb="7" eb="9">
      <t>バンゴウ</t>
    </rPh>
    <phoneticPr fontId="2"/>
  </si>
  <si>
    <t>同意しない</t>
    <rPh sb="0" eb="2">
      <t>どうい</t>
    </rPh>
    <phoneticPr fontId="2" type="Hiragana"/>
  </si>
  <si>
    <t>患者からみた被保険者</t>
    <rPh sb="0" eb="2">
      <t>かんじゃ</t>
    </rPh>
    <rPh sb="6" eb="10">
      <t>ひほけんしゃ</t>
    </rPh>
    <phoneticPr fontId="2" type="Hiragana"/>
  </si>
  <si>
    <t>高額難病治療継続の特例に該当しますか？</t>
    <rPh sb="0" eb="2">
      <t>こうがく</t>
    </rPh>
    <rPh sb="2" eb="4">
      <t>なんびょう</t>
    </rPh>
    <rPh sb="4" eb="6">
      <t>ちりょう</t>
    </rPh>
    <rPh sb="6" eb="8">
      <t>けいぞく</t>
    </rPh>
    <rPh sb="9" eb="11">
      <t>とくれい</t>
    </rPh>
    <rPh sb="12" eb="14">
      <t>がいとう</t>
    </rPh>
    <phoneticPr fontId="2" type="Hiragana"/>
  </si>
  <si>
    <t>先天性筋無力症候群</t>
  </si>
  <si>
    <t>クロウ・深瀬症候群</t>
  </si>
  <si>
    <t>多系統萎縮症</t>
  </si>
  <si>
    <t>ライソゾーム病</t>
  </si>
  <si>
    <t>副腎白質ジストロフィー</t>
  </si>
  <si>
    <t>プリオン病</t>
  </si>
  <si>
    <t>進行性多巣性白質脳症</t>
  </si>
  <si>
    <t>全身性アミロイドーシス</t>
  </si>
  <si>
    <t>ウルリッヒ病</t>
  </si>
  <si>
    <t>遠位型ミオパチー</t>
  </si>
  <si>
    <t>中毒性表皮壊死症</t>
  </si>
  <si>
    <t>高安動脈炎</t>
  </si>
  <si>
    <t>巨細胞性動脈炎</t>
  </si>
  <si>
    <t>結節性多発動脈炎</t>
  </si>
  <si>
    <t>顕微鏡的多発血管炎</t>
  </si>
  <si>
    <t>多発血管炎性肉芽腫症</t>
  </si>
  <si>
    <t>好酸球性多発血管炎性肉芽腫症</t>
  </si>
  <si>
    <t>原発性抗リン脂質抗体症候群</t>
  </si>
  <si>
    <t>再発性多発軟骨炎</t>
  </si>
  <si>
    <t>自己免疫性溶血性貧血</t>
  </si>
  <si>
    <t>発作性夜間ヘモグロビン尿症</t>
  </si>
  <si>
    <t>下垂体性ADH分泌異常症</t>
  </si>
  <si>
    <t>下垂体性TSH分泌亢進症</t>
  </si>
  <si>
    <t>下垂体性PRL分泌亢進症</t>
  </si>
  <si>
    <t>下垂体性ゴナドトロピン分泌亢進症</t>
  </si>
  <si>
    <t>下垂体性成長ホルモン分泌亢進症</t>
  </si>
  <si>
    <t>甲状腺ホルモン不応症</t>
  </si>
  <si>
    <t>先天性副腎皮質酵素欠損症</t>
  </si>
  <si>
    <t>先天性副腎低形成症</t>
  </si>
  <si>
    <t>リンパ脈管筋腫症</t>
  </si>
  <si>
    <t>好酸球性消化管疾患</t>
  </si>
  <si>
    <t>慢性特発性偽性腸閉塞症</t>
  </si>
  <si>
    <t>巨大膀胱短小結腸腸管蠕動不全症</t>
  </si>
  <si>
    <t>クリオピリン関連周期熱症候群</t>
  </si>
  <si>
    <t>非典型溶血性尿毒症症候群</t>
  </si>
  <si>
    <t>遺伝性周期性四肢麻痺</t>
  </si>
  <si>
    <t>アイザックス症候群</t>
  </si>
  <si>
    <t>ペリー症候群</t>
  </si>
  <si>
    <t>前頭側頭葉変性症</t>
  </si>
  <si>
    <t>レノックス・ガストー症候群</t>
  </si>
  <si>
    <t>結節性硬化症</t>
  </si>
  <si>
    <t>色素性乾皮症</t>
  </si>
  <si>
    <t>先天性魚鱗癬</t>
  </si>
  <si>
    <t>家族性良性慢性天疱瘡</t>
  </si>
  <si>
    <t>特発性後天性全身性無汗症</t>
  </si>
  <si>
    <t>眼皮膚白皮症</t>
  </si>
  <si>
    <t>肥厚性皮膚骨膜症</t>
  </si>
  <si>
    <t>弾性線維性仮性黄色腫</t>
  </si>
  <si>
    <t>マルファン症候群</t>
  </si>
  <si>
    <t>エーラス・ダンロス症候群</t>
  </si>
  <si>
    <t>メンケス病</t>
  </si>
  <si>
    <t>オクシピタル・ホーン症候群</t>
  </si>
  <si>
    <t>低ホスファターゼ症</t>
  </si>
  <si>
    <t>VATER症候群</t>
  </si>
  <si>
    <t>那須・ハコラ病</t>
  </si>
  <si>
    <t>ウィーバー症候群</t>
  </si>
  <si>
    <t>モワット・ウィルソン症候群</t>
  </si>
  <si>
    <t>ウィリアムズ症候群</t>
  </si>
  <si>
    <t>クルーゾン症候群</t>
  </si>
  <si>
    <t>アペール症候群</t>
  </si>
  <si>
    <t>ファイファー症候群</t>
  </si>
  <si>
    <t>アントレー・ビクスラー症候群</t>
  </si>
  <si>
    <t>コフィン・シリス症候群</t>
  </si>
  <si>
    <t>ロスムンド・トムソン症候群</t>
  </si>
  <si>
    <t>歌舞伎症候群</t>
  </si>
  <si>
    <t>鰓耳腎症候群</t>
  </si>
  <si>
    <t>ウェルナー症候群</t>
  </si>
  <si>
    <t>コケイン症候群</t>
  </si>
  <si>
    <t>プラダー・ウィリ症候群</t>
  </si>
  <si>
    <t>ソトス症候群</t>
  </si>
  <si>
    <t>ヌーナン症候群</t>
  </si>
  <si>
    <t>ヤング・シンプソン症候群</t>
  </si>
  <si>
    <t>第14番染色体父親性ダイソミー症候群</t>
  </si>
  <si>
    <t>アンジェルマン症候群</t>
  </si>
  <si>
    <t>スミス・マギニス症候群</t>
  </si>
  <si>
    <t>エマヌエル症候群</t>
  </si>
  <si>
    <t>修正大血管転位症</t>
  </si>
  <si>
    <t>完全大血管転位症</t>
  </si>
  <si>
    <t>単心室症</t>
  </si>
  <si>
    <t>三尖弁閉鎖症</t>
  </si>
  <si>
    <t>心室中隔欠損を伴わない肺動脈閉鎖症</t>
  </si>
  <si>
    <t>心室中隔欠損を伴う肺動脈閉鎖症</t>
  </si>
  <si>
    <t>ファロー四徴症</t>
  </si>
  <si>
    <t>両大血管右室起始症</t>
  </si>
  <si>
    <t>エプスタイン病</t>
  </si>
  <si>
    <t>アルポート症候群</t>
  </si>
  <si>
    <t>ギャロウェイ・モワト症候群</t>
  </si>
  <si>
    <t>急速進行性糸球体腎炎</t>
  </si>
  <si>
    <t>紫斑病性腎炎</t>
  </si>
  <si>
    <t>先天性腎性尿崩症</t>
  </si>
  <si>
    <t>オスラー病</t>
  </si>
  <si>
    <t>閉塞性細気管支炎</t>
  </si>
  <si>
    <t>肺胞低換気症候群</t>
  </si>
  <si>
    <t>カーニー複合</t>
  </si>
  <si>
    <t>ウォルフラム症候群</t>
  </si>
  <si>
    <t>偽性副甲状腺機能低下症</t>
  </si>
  <si>
    <t>フェニルケトン尿症</t>
  </si>
  <si>
    <t>プロピオン酸血症</t>
  </si>
  <si>
    <t>メチルマロン酸血症</t>
  </si>
  <si>
    <t>イソ吉草酸血症</t>
  </si>
  <si>
    <t>尿素サイクル異常症</t>
  </si>
  <si>
    <t>リジン尿性蛋白不耐症</t>
  </si>
  <si>
    <t>先天性葉酸吸収不全</t>
  </si>
  <si>
    <t>ポルフィリン症</t>
  </si>
  <si>
    <t>筋型糖原病</t>
  </si>
  <si>
    <t>肝型糖原病</t>
  </si>
  <si>
    <t>レシチンコレステロールアシルトランスフェラーゼ欠損症</t>
  </si>
  <si>
    <t>シトステロール血症</t>
  </si>
  <si>
    <t>タンジール病</t>
  </si>
  <si>
    <t>原発性高カイロミクロン血症</t>
  </si>
  <si>
    <t>脳腱黄色腫症</t>
  </si>
  <si>
    <t>無βリポタンパク血症</t>
  </si>
  <si>
    <t>脂肪萎縮症</t>
  </si>
  <si>
    <t>家族性地中海熱</t>
  </si>
  <si>
    <t>中條・西村症候群</t>
  </si>
  <si>
    <t>慢性再発性多発性骨髄炎</t>
  </si>
  <si>
    <t>強直性脊椎炎</t>
  </si>
  <si>
    <t>進行性骨化性線維異形成症</t>
  </si>
  <si>
    <t>骨形成不全症</t>
  </si>
  <si>
    <t>軟骨無形成症</t>
  </si>
  <si>
    <t>後天性赤芽球癆</t>
  </si>
  <si>
    <t>ファンコニ貧血</t>
  </si>
  <si>
    <t>遺伝性鉄芽球性貧血</t>
  </si>
  <si>
    <t>エプスタイン症候群</t>
  </si>
  <si>
    <t>クロンカイト・カナダ症候群</t>
  </si>
  <si>
    <t>非特異性多発性小腸潰瘍症</t>
  </si>
  <si>
    <t>総排泄腔外反症</t>
  </si>
  <si>
    <t>総排泄腔遺残</t>
  </si>
  <si>
    <t>先天性横隔膜ヘルニア</t>
  </si>
  <si>
    <t>乳幼児肝巨大血管腫</t>
  </si>
  <si>
    <t>胆道閉鎖症</t>
  </si>
  <si>
    <t>アラジール症候群</t>
  </si>
  <si>
    <t>遺伝性膵炎</t>
  </si>
  <si>
    <t>嚢胞性線維症</t>
  </si>
  <si>
    <t>黄斑ジストロフィー</t>
  </si>
  <si>
    <t>アッシャー症候群</t>
  </si>
  <si>
    <t>若年発症型両側性感音難聴</t>
  </si>
  <si>
    <t>遅発性内リンパ水腫</t>
  </si>
  <si>
    <t>好酸球性副鼻腔炎</t>
  </si>
  <si>
    <t>神経有棘赤血球症</t>
  </si>
  <si>
    <t>脊髄小脳変性症(多系統萎縮症を除く。)</t>
  </si>
  <si>
    <t>もやもや病</t>
  </si>
  <si>
    <t>膿疱性乾癬(汎発型)</t>
  </si>
  <si>
    <t>スティーヴンス・ジョンソン症候群</t>
  </si>
  <si>
    <t>全身性強皮症</t>
  </si>
  <si>
    <t>シェーグレン症候群</t>
  </si>
  <si>
    <t>IgA腎症</t>
  </si>
  <si>
    <t>後縦靱帯骨化症</t>
  </si>
  <si>
    <t>クッシング病</t>
  </si>
  <si>
    <t>下垂体前葉機能低下症</t>
  </si>
  <si>
    <t>家族性高コレステロール血症(ホモ接合体)</t>
  </si>
  <si>
    <t>アジソン病</t>
  </si>
  <si>
    <t>特発性間質性肺炎</t>
  </si>
  <si>
    <t>原発性胆汁性胆管炎</t>
  </si>
  <si>
    <t>原発性硬化性胆管炎</t>
  </si>
  <si>
    <t>チャージ症候群</t>
  </si>
  <si>
    <t>若年性特発性関節炎</t>
  </si>
  <si>
    <t>痙攣重積型(二相性)急性脳症</t>
  </si>
  <si>
    <t>中隔視神経形成異常症／ドモルシア症候群</t>
  </si>
  <si>
    <t>PCDH19関連症候群</t>
  </si>
  <si>
    <t>類天疱瘡(後天性表皮水疱症を含む。)</t>
  </si>
  <si>
    <t>ジュベール症候群関連疾患</t>
  </si>
  <si>
    <t>ATR-X症候群</t>
  </si>
  <si>
    <t>1p36欠失症候群</t>
  </si>
  <si>
    <t>4p欠失症候群</t>
  </si>
  <si>
    <t>5p欠失症候群</t>
  </si>
  <si>
    <t>脆弱X症候群関連疾患</t>
  </si>
  <si>
    <t>間質性膀胱炎(ハンナ型)</t>
  </si>
  <si>
    <t>肺胞蛋白症(自己免疫性又は先天性)</t>
  </si>
  <si>
    <t>α1-アンチトリプシン欠乏症</t>
  </si>
  <si>
    <t>ペルオキシソーム病(副腎白質ジストロフィーを除く。)</t>
  </si>
  <si>
    <t>ビタミンＤ抵抗性くる病／骨軟化症</t>
  </si>
  <si>
    <t>ビタミンＤ依存性くる病／骨軟化症</t>
  </si>
  <si>
    <t>高チロシン血症１型</t>
  </si>
  <si>
    <t>高チロシン血症２型</t>
  </si>
  <si>
    <t>高チロシン血症３型</t>
  </si>
  <si>
    <t>グルコーストランスポーター１欠損症</t>
  </si>
  <si>
    <t>グルタル酸血症１型</t>
  </si>
  <si>
    <t>グルタル酸血症２型</t>
  </si>
  <si>
    <t>複合カルボキシラーゼ欠損症</t>
  </si>
  <si>
    <t>ガラクトース-1-リン酸ウリジルトランスフェラーゼ欠損症</t>
  </si>
  <si>
    <t>高IgD症候群</t>
  </si>
  <si>
    <t>リンパ管腫症／ゴーハム病</t>
  </si>
  <si>
    <t>巨大リンパ管奇形(頚部顔面病変)</t>
  </si>
  <si>
    <t>巨大静脈奇形(頚部口腔咽頭びまん性病変)</t>
  </si>
  <si>
    <t>巨大動静脈奇形(頚部顔面又は四肢病変)</t>
  </si>
  <si>
    <t>自己免疫性後天性凝固因子欠乏症</t>
  </si>
  <si>
    <t>ヒルシュスプルング病(全結腸型又は小腸型)</t>
  </si>
  <si>
    <t>IgG4関連疾患</t>
  </si>
  <si>
    <t>カナバン病</t>
  </si>
  <si>
    <t>進行性白質脳症</t>
  </si>
  <si>
    <t>進行性ミオクローヌスてんかん</t>
  </si>
  <si>
    <t>先天異常症候群</t>
  </si>
  <si>
    <t>先天性三尖弁狭窄症</t>
  </si>
  <si>
    <t>先天性僧帽弁狭窄症</t>
  </si>
  <si>
    <t>先天性肺静脈狭窄症</t>
  </si>
  <si>
    <t>左肺動脈右肺動脈起始症</t>
  </si>
  <si>
    <t>ネイルパテラ症候群(爪膝蓋骨症候群)／LMX1B関連腎症</t>
  </si>
  <si>
    <t>カルニチン回路異常症</t>
  </si>
  <si>
    <t>三頭酵素欠損症</t>
  </si>
  <si>
    <t>シトリン欠損症</t>
  </si>
  <si>
    <t>セピアプテリン還元酵素(SR)欠損症</t>
  </si>
  <si>
    <t>先天性グリコシルホスファチジルイノシトール(GPI)欠損症</t>
  </si>
  <si>
    <t>非ケトーシス型高グリシン血症</t>
  </si>
  <si>
    <t>β-ケトチオラーゼ欠損症</t>
  </si>
  <si>
    <t>芳香族L-アミノ酸脱炭酸酵素欠損症</t>
  </si>
  <si>
    <t>特発性血栓症(遺伝性血栓性素因によるものに限る。)</t>
  </si>
  <si>
    <t>先天性気管狭窄症／先天性声門下狭窄症</t>
  </si>
  <si>
    <t>特発性多中心性キャッスルマン病</t>
  </si>
  <si>
    <t>膠様滴状角膜ジストロフィー</t>
  </si>
  <si>
    <t>ハッチンソン・ギルフォード症候群</t>
  </si>
  <si>
    <t>脳クレアチン欠乏症候群</t>
    <rPh sb="0" eb="1">
      <t>ノウ</t>
    </rPh>
    <rPh sb="6" eb="8">
      <t>ケツボウ</t>
    </rPh>
    <rPh sb="8" eb="11">
      <t>ショウコウグン</t>
    </rPh>
    <phoneticPr fontId="2"/>
  </si>
  <si>
    <t>ネフロン癆</t>
    <phoneticPr fontId="2"/>
  </si>
  <si>
    <t>家族性低βリポタンパク血症1(ホモ接合体)</t>
    <phoneticPr fontId="2"/>
  </si>
  <si>
    <t>ホモシスチン尿症</t>
    <phoneticPr fontId="2"/>
  </si>
  <si>
    <t>進行性家族性肝内胆汁うっ滞症</t>
    <phoneticPr fontId="2"/>
  </si>
  <si>
    <t>　※臨床調査個人票に書いてある番号を入力し、表示された名称が合っているか確認してください。（もし「67-1」というように枝番号がある場合は、「67」と枝番号を除いて入力してください。）
　※疾患番号が分からない方は、「指定難病一覧」シートから探すことができます。</t>
    <rPh sb="60" eb="62">
      <t>えだばん</t>
    </rPh>
    <rPh sb="62" eb="63">
      <t>ごう</t>
    </rPh>
    <rPh sb="66" eb="68">
      <t>ばあい</t>
    </rPh>
    <rPh sb="75" eb="77">
      <t>えだばん</t>
    </rPh>
    <rPh sb="77" eb="78">
      <t>ごう</t>
    </rPh>
    <rPh sb="79" eb="80">
      <t>のぞ</t>
    </rPh>
    <rPh sb="82" eb="84">
      <t>にゅうりょく</t>
    </rPh>
    <rPh sb="95" eb="97">
      <t>しっかん</t>
    </rPh>
    <rPh sb="97" eb="99">
      <t>ばんごう</t>
    </rPh>
    <rPh sb="100" eb="101">
      <t>わ</t>
    </rPh>
    <rPh sb="105" eb="106">
      <t>かた</t>
    </rPh>
    <rPh sb="109" eb="111">
      <t>してい</t>
    </rPh>
    <rPh sb="111" eb="113">
      <t>なんびょう</t>
    </rPh>
    <rPh sb="113" eb="115">
      <t>いちらん</t>
    </rPh>
    <rPh sb="121" eb="122">
      <t>さが</t>
    </rPh>
    <phoneticPr fontId="2" type="Hiragana"/>
  </si>
  <si>
    <t>マイナンバー
（12ケタ）</t>
    <phoneticPr fontId="2" type="Hiragana"/>
  </si>
  <si>
    <t>該当する年にお住まいだった市区町村※
（課税地）</t>
    <rPh sb="0" eb="2">
      <t>がいとう</t>
    </rPh>
    <rPh sb="4" eb="5">
      <t>とし</t>
    </rPh>
    <rPh sb="7" eb="8">
      <t>す</t>
    </rPh>
    <rPh sb="20" eb="22">
      <t>かぜい</t>
    </rPh>
    <rPh sb="22" eb="23">
      <t>ち</t>
    </rPh>
    <phoneticPr fontId="2" type="Hiragana"/>
  </si>
  <si>
    <t>申請する日付と患者さんの署名をします。</t>
    <rPh sb="0" eb="2">
      <t>しんせい</t>
    </rPh>
    <rPh sb="4" eb="6">
      <t>ひづけ</t>
    </rPh>
    <rPh sb="7" eb="9">
      <t>かんじゃ</t>
    </rPh>
    <rPh sb="12" eb="14">
      <t>しょめい</t>
    </rPh>
    <phoneticPr fontId="2" type="Hiragana"/>
  </si>
  <si>
    <t>＜臨床調査個人票の研究利用への同意について＞
　本申請書に添付された臨床調査個人票（診断書）は、厚生労働省の難病治療研究事業のための基礎資料として使用されます。
　また、臨床調査個人票の使用に当たっては、個人情報の保護に十分配慮し、研究以外の目的には一切使用されることはありません。
　なお、この同意は、添付された臨床調査個人票を疾患研究の基礎資料として活用することに対する同意であり、臨床研究等の実施に関して協力を求める場合は、改めて、それぞれの研究者から主治医を介して説明が行われ、同意を得ることとされています。</t>
    <rPh sb="1" eb="8">
      <t>りんしょうちょうさこじんひょう</t>
    </rPh>
    <rPh sb="34" eb="41">
      <t>りんしょうちょうさこじんひょう</t>
    </rPh>
    <rPh sb="85" eb="92">
      <t>りんしょうちょうさこじんひょう</t>
    </rPh>
    <rPh sb="157" eb="164">
      <t>りんしょうちょうさこじんひょう</t>
    </rPh>
    <phoneticPr fontId="2" type="Hiragana"/>
  </si>
  <si>
    <t>　※臨床調査個人票の研究利用に関するご説明は、「指定難病のしおり」15ページに掲載しています。</t>
    <rPh sb="2" eb="9">
      <t>りんしょうちょうさこじんひょう</t>
    </rPh>
    <rPh sb="10" eb="12">
      <t>けんきゅう</t>
    </rPh>
    <rPh sb="12" eb="14">
      <t>りよう</t>
    </rPh>
    <rPh sb="15" eb="16">
      <t>かん</t>
    </rPh>
    <rPh sb="19" eb="21">
      <t>せつめい</t>
    </rPh>
    <rPh sb="24" eb="28">
      <t>していなんびょう</t>
    </rPh>
    <rPh sb="39" eb="41">
      <t>けいさい</t>
    </rPh>
    <phoneticPr fontId="2" type="Hiragana"/>
  </si>
  <si>
    <t>　※このシートを作成した日付を入力してください。</t>
    <rPh sb="8" eb="10">
      <t>さくせい</t>
    </rPh>
    <rPh sb="12" eb="14">
      <t>ひづけ</t>
    </rPh>
    <rPh sb="15" eb="17">
      <t>にゅうりょく</t>
    </rPh>
    <phoneticPr fontId="2" type="Hiragana"/>
  </si>
  <si>
    <t>※このシートを作成した日付を入力してください。</t>
    <rPh sb="7" eb="9">
      <t>さくせい</t>
    </rPh>
    <rPh sb="11" eb="13">
      <t>ひづけ</t>
    </rPh>
    <rPh sb="14" eb="16">
      <t>にゅうりょく</t>
    </rPh>
    <phoneticPr fontId="2" type="Hiragana"/>
  </si>
  <si>
    <r>
      <t>「あり」の場合、該当する年の</t>
    </r>
    <r>
      <rPr>
        <u/>
        <sz val="10"/>
        <color theme="1"/>
        <rFont val="ＭＳ 明朝"/>
        <family val="1"/>
        <charset val="128"/>
      </rPr>
      <t>１月から12月の年間の受給額</t>
    </r>
    <r>
      <rPr>
        <sz val="10"/>
        <color theme="1"/>
        <rFont val="ＭＳ 明朝"/>
        <family val="2"/>
        <charset val="128"/>
      </rPr>
      <t>をご記入ください。※</t>
    </r>
    <rPh sb="5" eb="7">
      <t>ばあい</t>
    </rPh>
    <rPh sb="8" eb="10">
      <t>がいとう</t>
    </rPh>
    <rPh sb="12" eb="13">
      <t>とし</t>
    </rPh>
    <rPh sb="15" eb="16">
      <t>がつ</t>
    </rPh>
    <rPh sb="20" eb="21">
      <t>がつ</t>
    </rPh>
    <rPh sb="22" eb="24">
      <t>ねんかん</t>
    </rPh>
    <rPh sb="25" eb="27">
      <t>じゅきゅう</t>
    </rPh>
    <rPh sb="27" eb="28">
      <t>がく</t>
    </rPh>
    <rPh sb="30" eb="32">
      <t>きにゅう</t>
    </rPh>
    <phoneticPr fontId="2" type="Hiragana"/>
  </si>
  <si>
    <r>
      <t>支給認定基準世帯員全員が市町村民税が</t>
    </r>
    <r>
      <rPr>
        <b/>
        <sz val="10"/>
        <color theme="1"/>
        <rFont val="ＭＳ 明朝"/>
        <family val="1"/>
        <charset val="128"/>
      </rPr>
      <t>非課税</t>
    </r>
    <r>
      <rPr>
        <sz val="10"/>
        <color theme="1"/>
        <rFont val="ＭＳ 明朝"/>
        <family val="2"/>
        <charset val="128"/>
      </rPr>
      <t>で、かつ患者本人が、前年１月～12月に</t>
    </r>
    <r>
      <rPr>
        <u/>
        <sz val="10"/>
        <color theme="1"/>
        <rFont val="ＭＳ 明朝"/>
        <family val="1"/>
        <charset val="128"/>
      </rPr>
      <t>障害年金、遺族年金、その他の給付金等</t>
    </r>
    <r>
      <rPr>
        <sz val="10"/>
        <color theme="1"/>
        <rFont val="ＭＳ 明朝"/>
        <family val="2"/>
        <charset val="128"/>
      </rPr>
      <t>の受給がありますか？
（詳細は難病のしおりをご覧ください）</t>
    </r>
    <rPh sb="0" eb="2">
      <t>しきゅう</t>
    </rPh>
    <rPh sb="2" eb="4">
      <t>にんてい</t>
    </rPh>
    <rPh sb="4" eb="6">
      <t>きじゅん</t>
    </rPh>
    <rPh sb="6" eb="9">
      <t>せたいいん</t>
    </rPh>
    <rPh sb="9" eb="11">
      <t>ぜんいん</t>
    </rPh>
    <rPh sb="12" eb="15">
      <t>しちょうそん</t>
    </rPh>
    <rPh sb="15" eb="16">
      <t>みん</t>
    </rPh>
    <rPh sb="16" eb="17">
      <t>ぜい</t>
    </rPh>
    <rPh sb="18" eb="19">
      <t>ひ</t>
    </rPh>
    <rPh sb="19" eb="21">
      <t>かぜい</t>
    </rPh>
    <rPh sb="25" eb="27">
      <t>かんじゃ</t>
    </rPh>
    <rPh sb="27" eb="29">
      <t>ほんにん</t>
    </rPh>
    <rPh sb="31" eb="33">
      <t>ぜんねん</t>
    </rPh>
    <rPh sb="34" eb="35">
      <t>がつ</t>
    </rPh>
    <rPh sb="38" eb="39">
      <t>がつ</t>
    </rPh>
    <rPh sb="40" eb="42">
      <t>しょうがい</t>
    </rPh>
    <rPh sb="42" eb="44">
      <t>ねんきん</t>
    </rPh>
    <rPh sb="45" eb="47">
      <t>いぞく</t>
    </rPh>
    <rPh sb="47" eb="49">
      <t>ねんきん</t>
    </rPh>
    <rPh sb="52" eb="53">
      <t>た</t>
    </rPh>
    <rPh sb="54" eb="56">
      <t>きゅうふ</t>
    </rPh>
    <rPh sb="56" eb="57">
      <t>きん</t>
    </rPh>
    <rPh sb="57" eb="58">
      <t>とう</t>
    </rPh>
    <rPh sb="59" eb="61">
      <t>じゅきゅう</t>
    </rPh>
    <rPh sb="70" eb="72">
      <t>しょうさい</t>
    </rPh>
    <rPh sb="73" eb="75">
      <t>なんびょう</t>
    </rPh>
    <rPh sb="81" eb="82">
      <t>らん</t>
    </rPh>
    <phoneticPr fontId="2" type="Hiragana"/>
  </si>
  <si>
    <t>　※1月1日～6月30日に申請する場合は、一昨年中に、
　　7月1日～12月31日に申請する場合は、前年中に受給があるかを選択してください。</t>
    <rPh sb="61" eb="63">
      <t>せんたく</t>
    </rPh>
    <phoneticPr fontId="2" type="Hiragana"/>
  </si>
  <si>
    <t>「あり」の場合で、年間受給額が80万円以下の方の場合、受給額が確認できる書類（年金振込通知書や年金額改定通知書の写し等）を添付の必要がありますが、添付はありますか？</t>
    <rPh sb="5" eb="7">
      <t>ばあい</t>
    </rPh>
    <rPh sb="9" eb="11">
      <t>ねんかん</t>
    </rPh>
    <rPh sb="11" eb="13">
      <t>じゅきゅう</t>
    </rPh>
    <rPh sb="13" eb="14">
      <t>がく</t>
    </rPh>
    <rPh sb="17" eb="21">
      <t>まんえんいか</t>
    </rPh>
    <rPh sb="22" eb="23">
      <t>かた</t>
    </rPh>
    <rPh sb="24" eb="26">
      <t>ばあい</t>
    </rPh>
    <rPh sb="27" eb="29">
      <t>じゅきゅう</t>
    </rPh>
    <rPh sb="41" eb="43">
      <t>ふりこみ</t>
    </rPh>
    <rPh sb="43" eb="46">
      <t>つうちしょ</t>
    </rPh>
    <rPh sb="47" eb="50">
      <t>ねんきんがく</t>
    </rPh>
    <rPh sb="50" eb="52">
      <t>かいてい</t>
    </rPh>
    <rPh sb="52" eb="55">
      <t>つうちしょ</t>
    </rPh>
    <rPh sb="64" eb="66">
      <t>ひつよう</t>
    </rPh>
    <rPh sb="73" eb="75">
      <t>てんぷ</t>
    </rPh>
    <phoneticPr fontId="2" type="Hiragana"/>
  </si>
  <si>
    <t>　※書類を添付する場合は「あり」を、添付しない場合は「なし」を選択して
　ください。
　　該当する年12か月間の受給額が分かるものを添付してください。</t>
    <rPh sb="2" eb="4">
      <t>しょるい</t>
    </rPh>
    <rPh sb="5" eb="7">
      <t>てんぷ</t>
    </rPh>
    <rPh sb="9" eb="11">
      <t>ばあい</t>
    </rPh>
    <rPh sb="18" eb="20">
      <t>てんぷ</t>
    </rPh>
    <rPh sb="23" eb="25">
      <t>ばあい</t>
    </rPh>
    <rPh sb="31" eb="33">
      <t>せんたく</t>
    </rPh>
    <rPh sb="45" eb="47">
      <t>がいとう</t>
    </rPh>
    <rPh sb="49" eb="50">
      <t>とし</t>
    </rPh>
    <rPh sb="53" eb="54">
      <t>げつ</t>
    </rPh>
    <rPh sb="54" eb="55">
      <t>かん</t>
    </rPh>
    <rPh sb="56" eb="58">
      <t>じゅきゅう</t>
    </rPh>
    <rPh sb="58" eb="59">
      <t>がく</t>
    </rPh>
    <rPh sb="60" eb="61">
      <t>わ</t>
    </rPh>
    <rPh sb="66" eb="68">
      <t>てんぷ</t>
    </rPh>
    <phoneticPr fontId="2" type="Hiragana"/>
  </si>
  <si>
    <t>いいえ（以前神奈川県で指定難病の認定を受けていたことがある）</t>
    <rPh sb="4" eb="6">
      <t>イゼン</t>
    </rPh>
    <rPh sb="6" eb="10">
      <t>カナガワケン</t>
    </rPh>
    <rPh sb="11" eb="13">
      <t>シテイ</t>
    </rPh>
    <rPh sb="13" eb="15">
      <t>ナンビョウ</t>
    </rPh>
    <rPh sb="16" eb="18">
      <t>ニンテイ</t>
    </rPh>
    <rPh sb="19" eb="20">
      <t>ウ</t>
    </rPh>
    <phoneticPr fontId="2"/>
  </si>
  <si>
    <t>　※当時の神奈川県での受給者番号を入力してください。
　分からない場合は、空欄で結構です。</t>
    <rPh sb="2" eb="4">
      <t>とうじ</t>
    </rPh>
    <rPh sb="5" eb="9">
      <t>かながわけん</t>
    </rPh>
    <rPh sb="11" eb="14">
      <t>じゅきゅうしゃ</t>
    </rPh>
    <rPh sb="14" eb="16">
      <t>ばんごう</t>
    </rPh>
    <rPh sb="17" eb="19">
      <t>にゅうりょく</t>
    </rPh>
    <rPh sb="28" eb="29">
      <t>わ</t>
    </rPh>
    <rPh sb="33" eb="35">
      <t>ばあい</t>
    </rPh>
    <rPh sb="37" eb="39">
      <t>くうらん</t>
    </rPh>
    <rPh sb="40" eb="42">
      <t>けっこう</t>
    </rPh>
    <phoneticPr fontId="2" type="Hiragana"/>
  </si>
  <si>
    <t>特例制度</t>
    <rPh sb="0" eb="2">
      <t>とくれい</t>
    </rPh>
    <rPh sb="2" eb="4">
      <t>せいど</t>
    </rPh>
    <phoneticPr fontId="2" type="Hiragana"/>
  </si>
  <si>
    <t>　※マイナンバーを入力する際は、マイナンバーカード等を確認しながら間違いの無いよう入力してください。
　また、申請の際は患者本人の番号確認書類を添付してください。</t>
    <rPh sb="9" eb="11">
      <t>にゅうりょく</t>
    </rPh>
    <rPh sb="13" eb="14">
      <t>さい</t>
    </rPh>
    <rPh sb="25" eb="26">
      <t>とう</t>
    </rPh>
    <rPh sb="27" eb="29">
      <t>かくにん</t>
    </rPh>
    <rPh sb="33" eb="35">
      <t>まちが</t>
    </rPh>
    <rPh sb="37" eb="38">
      <t>な</t>
    </rPh>
    <rPh sb="41" eb="43">
      <t>にゅうりょく</t>
    </rPh>
    <rPh sb="55" eb="57">
      <t>しんせい</t>
    </rPh>
    <rPh sb="58" eb="59">
      <t>さい</t>
    </rPh>
    <rPh sb="60" eb="62">
      <t>かんじゃ</t>
    </rPh>
    <rPh sb="62" eb="63">
      <t>ほん</t>
    </rPh>
    <rPh sb="63" eb="64">
      <t>にん</t>
    </rPh>
    <rPh sb="65" eb="67">
      <t>ばんごう</t>
    </rPh>
    <rPh sb="67" eb="69">
      <t>かくにん</t>
    </rPh>
    <rPh sb="69" eb="71">
      <t>しょるい</t>
    </rPh>
    <rPh sb="72" eb="74">
      <t>てんぷ</t>
    </rPh>
    <phoneticPr fontId="2" type="Hiragana"/>
  </si>
  <si>
    <t>　※市区町村名は、今お住まいの所を入力するのではありません。ご注意ください。</t>
    <rPh sb="2" eb="4">
      <t>しく</t>
    </rPh>
    <rPh sb="4" eb="6">
      <t>ちょうそん</t>
    </rPh>
    <rPh sb="6" eb="7">
      <t>めい</t>
    </rPh>
    <rPh sb="9" eb="10">
      <t>いま</t>
    </rPh>
    <rPh sb="11" eb="12">
      <t>す</t>
    </rPh>
    <rPh sb="15" eb="16">
      <t>ところ</t>
    </rPh>
    <rPh sb="17" eb="19">
      <t>にゅうりょく</t>
    </rPh>
    <rPh sb="31" eb="33">
      <t>ちゅうい</t>
    </rPh>
    <phoneticPr fontId="2" type="Hiragana"/>
  </si>
  <si>
    <t>　※同じ健康保険証をお使いの方の中に、指定難病や小児慢性特定疾病の受給者の方がいる場合、世帯で自己
　負担限度額を按分することができます。もし該当する方がいましたら、受給者番号等を入力してください。</t>
    <rPh sb="2" eb="3">
      <t>おな</t>
    </rPh>
    <rPh sb="4" eb="6">
      <t>けんこう</t>
    </rPh>
    <rPh sb="6" eb="9">
      <t>ほけんしょう</t>
    </rPh>
    <rPh sb="11" eb="12">
      <t>つか</t>
    </rPh>
    <rPh sb="14" eb="15">
      <t>かた</t>
    </rPh>
    <rPh sb="16" eb="17">
      <t>なか</t>
    </rPh>
    <rPh sb="19" eb="21">
      <t>してい</t>
    </rPh>
    <rPh sb="21" eb="23">
      <t>なんびょう</t>
    </rPh>
    <rPh sb="24" eb="26">
      <t>しょうに</t>
    </rPh>
    <rPh sb="26" eb="32">
      <t>まんせいとくていしっぺい</t>
    </rPh>
    <rPh sb="33" eb="36">
      <t>じゅきゅうしゃ</t>
    </rPh>
    <rPh sb="37" eb="38">
      <t>かた</t>
    </rPh>
    <rPh sb="41" eb="43">
      <t>ばあい</t>
    </rPh>
    <rPh sb="44" eb="46">
      <t>せたい</t>
    </rPh>
    <rPh sb="47" eb="49">
      <t>じこ</t>
    </rPh>
    <rPh sb="51" eb="53">
      <t>ふたん</t>
    </rPh>
    <rPh sb="53" eb="55">
      <t>げんど</t>
    </rPh>
    <rPh sb="55" eb="56">
      <t>がく</t>
    </rPh>
    <rPh sb="57" eb="59">
      <t>あんぶん</t>
    </rPh>
    <rPh sb="71" eb="73">
      <t>がいとう</t>
    </rPh>
    <rPh sb="75" eb="76">
      <t>かた</t>
    </rPh>
    <rPh sb="83" eb="86">
      <t>じゅきゅうしゃ</t>
    </rPh>
    <rPh sb="86" eb="88">
      <t>ばんごう</t>
    </rPh>
    <rPh sb="88" eb="89">
      <t>とう</t>
    </rPh>
    <rPh sb="90" eb="92">
      <t>にゅうりょく</t>
    </rPh>
    <phoneticPr fontId="2" type="Hiragana"/>
  </si>
  <si>
    <t>ご家族に指定難病や小児慢性特定疾病の受給者（本人含む）がいますか？</t>
    <rPh sb="1" eb="3">
      <t>かぞく</t>
    </rPh>
    <rPh sb="4" eb="6">
      <t>してい</t>
    </rPh>
    <rPh sb="6" eb="8">
      <t>なんびょう</t>
    </rPh>
    <rPh sb="9" eb="11">
      <t>しょうに</t>
    </rPh>
    <rPh sb="11" eb="13">
      <t>まんせい</t>
    </rPh>
    <rPh sb="13" eb="15">
      <t>とくてい</t>
    </rPh>
    <rPh sb="15" eb="17">
      <t>しっぺい</t>
    </rPh>
    <rPh sb="18" eb="21">
      <t>じゅきゅうしゃ</t>
    </rPh>
    <rPh sb="22" eb="24">
      <t>ほんにん</t>
    </rPh>
    <rPh sb="24" eb="25">
      <t>ふく</t>
    </rPh>
    <phoneticPr fontId="2" type="Hiragana"/>
  </si>
  <si>
    <t>障害年金</t>
    <rPh sb="0" eb="2">
      <t>しょうがい</t>
    </rPh>
    <rPh sb="2" eb="4">
      <t>ねんきん</t>
    </rPh>
    <phoneticPr fontId="2" type="Hiragana"/>
  </si>
  <si>
    <t>遺族年金</t>
    <rPh sb="0" eb="2">
      <t>いぞく</t>
    </rPh>
    <rPh sb="2" eb="4">
      <t>ねんきん</t>
    </rPh>
    <phoneticPr fontId="2" type="Hiragana"/>
  </si>
  <si>
    <t>その他の給付金等</t>
    <rPh sb="2" eb="3">
      <t>た</t>
    </rPh>
    <rPh sb="4" eb="6">
      <t>きゅうふ</t>
    </rPh>
    <rPh sb="6" eb="7">
      <t>きん</t>
    </rPh>
    <rPh sb="7" eb="8">
      <t>とう</t>
    </rPh>
    <phoneticPr fontId="2" type="Hiragana"/>
  </si>
  <si>
    <t>年金振込通知書</t>
    <rPh sb="0" eb="7">
      <t>ねんきんふりこみつうちしょ</t>
    </rPh>
    <phoneticPr fontId="2" type="Hiragana"/>
  </si>
  <si>
    <t>年金額改定通知書</t>
    <rPh sb="0" eb="3">
      <t>ねんきんがく</t>
    </rPh>
    <rPh sb="3" eb="5">
      <t>かいてい</t>
    </rPh>
    <rPh sb="5" eb="8">
      <t>つうちしょ</t>
    </rPh>
    <phoneticPr fontId="2" type="Hiragana"/>
  </si>
  <si>
    <t>その他</t>
    <rPh sb="2" eb="3">
      <t>た</t>
    </rPh>
    <phoneticPr fontId="2" type="Hiragana"/>
  </si>
  <si>
    <t>なし</t>
    <phoneticPr fontId="2" type="Hiragana"/>
  </si>
  <si>
    <t>その他の給付金等を選んだ場合、名称をご記入ください。</t>
    <rPh sb="2" eb="3">
      <t>た</t>
    </rPh>
    <rPh sb="4" eb="7">
      <t>きゅうふきん</t>
    </rPh>
    <rPh sb="7" eb="8">
      <t>とう</t>
    </rPh>
    <rPh sb="9" eb="10">
      <t>えら</t>
    </rPh>
    <rPh sb="12" eb="14">
      <t>ばあい</t>
    </rPh>
    <rPh sb="15" eb="17">
      <t>めいしょう</t>
    </rPh>
    <rPh sb="19" eb="21">
      <t>きにゅう</t>
    </rPh>
    <phoneticPr fontId="2" type="Hiragana"/>
  </si>
  <si>
    <t>上記の欄が、申請日から１か月以上前の年月日となっている場合、理由をお選びください。</t>
    <rPh sb="0" eb="1">
      <t>じょう</t>
    </rPh>
    <rPh sb="27" eb="29">
      <t>ばあい</t>
    </rPh>
    <rPh sb="34" eb="35">
      <t>えら</t>
    </rPh>
    <phoneticPr fontId="2" type="Hiragana"/>
  </si>
  <si>
    <t>臨床調査個人票の受領に時間を要したため</t>
    <phoneticPr fontId="2" type="Hiragana"/>
  </si>
  <si>
    <t>症状の悪化等により、申請書類の準備や提出に時間を要したため</t>
    <phoneticPr fontId="2" type="Hiragana"/>
  </si>
  <si>
    <t>大規模災害に被災したこと等により、申請書類の提出に時間を要したため</t>
    <phoneticPr fontId="2" type="Hiragana"/>
  </si>
  <si>
    <t>上記の欄で、その他を選んだ場合、理由をご記入ください。</t>
    <rPh sb="0" eb="1">
      <t>じょう</t>
    </rPh>
    <rPh sb="8" eb="9">
      <t>た</t>
    </rPh>
    <rPh sb="10" eb="11">
      <t>えら</t>
    </rPh>
    <rPh sb="13" eb="15">
      <t>ばあい</t>
    </rPh>
    <rPh sb="16" eb="18">
      <t>りゆう</t>
    </rPh>
    <rPh sb="20" eb="22">
      <t>きにゅう</t>
    </rPh>
    <phoneticPr fontId="2" type="Hiragana"/>
  </si>
  <si>
    <t>MECP2重複症候群</t>
    <phoneticPr fontId="2"/>
  </si>
  <si>
    <t>線毛機能不全症候群（カルタゲナー症候群を含む。）</t>
    <phoneticPr fontId="2"/>
  </si>
  <si>
    <t>TRPV4 異常症</t>
    <phoneticPr fontId="2"/>
  </si>
  <si>
    <t>フリガナ</t>
    <phoneticPr fontId="2" type="Hiragana"/>
  </si>
  <si>
    <t>　※カタカナで入力してください。</t>
    <rPh sb="7" eb="9">
      <t>にゅうりょく</t>
    </rPh>
    <phoneticPr fontId="2" type="Hiragana"/>
  </si>
  <si>
    <t>　※ハイフンを入れて入力してください。</t>
    <rPh sb="7" eb="8">
      <t>い</t>
    </rPh>
    <rPh sb="10" eb="12">
      <t>にゅうりょく</t>
    </rPh>
    <phoneticPr fontId="2" type="Hiragana"/>
  </si>
  <si>
    <t>画像等</t>
    <rPh sb="0" eb="2">
      <t>ガゾウ</t>
    </rPh>
    <rPh sb="2" eb="3">
      <t>トウ</t>
    </rPh>
    <phoneticPr fontId="2"/>
  </si>
  <si>
    <t>住民票</t>
    <rPh sb="0" eb="3">
      <t>ジュウミンヒョウ</t>
    </rPh>
    <phoneticPr fontId="2"/>
  </si>
  <si>
    <t>身元確認</t>
    <rPh sb="0" eb="2">
      <t>ミモト</t>
    </rPh>
    <rPh sb="2" eb="4">
      <t>カクニン</t>
    </rPh>
    <phoneticPr fontId="2"/>
  </si>
  <si>
    <t>□</t>
    <phoneticPr fontId="2"/>
  </si>
  <si>
    <r>
      <t>　自己負担限度額は、患者やその家族の収入の状況等を基に算定します。その家族の範囲を「支給認定基準世帯員」といい、患者の加入する公的医療保険の種類によって異なります。（住民票上の世帯員とは異なります。）
　</t>
    </r>
    <r>
      <rPr>
        <b/>
        <u/>
        <sz val="10"/>
        <color theme="1"/>
        <rFont val="ＭＳ 明朝"/>
        <family val="1"/>
        <charset val="128"/>
      </rPr>
      <t>患者、支給認定基準世帯員の氏名と続柄、マイナンバー</t>
    </r>
    <r>
      <rPr>
        <u/>
        <sz val="10"/>
        <color theme="1"/>
        <rFont val="ＭＳ 明朝"/>
        <family val="1"/>
        <charset val="128"/>
      </rPr>
      <t>と、</t>
    </r>
    <r>
      <rPr>
        <b/>
        <u/>
        <sz val="10"/>
        <color theme="1"/>
        <rFont val="ＭＳ 明朝"/>
        <family val="1"/>
        <charset val="128"/>
      </rPr>
      <t>次に該当する年の１月１日時点でお住まいの市区町村</t>
    </r>
    <r>
      <rPr>
        <u/>
        <sz val="10"/>
        <color theme="1"/>
        <rFont val="ＭＳ 明朝"/>
        <family val="1"/>
        <charset val="128"/>
      </rPr>
      <t>※（住民税の課税地）</t>
    </r>
    <r>
      <rPr>
        <sz val="10"/>
        <color theme="1"/>
        <rFont val="ＭＳ 明朝"/>
        <family val="2"/>
        <charset val="128"/>
      </rPr>
      <t>を入力してください。
　また</t>
    </r>
    <r>
      <rPr>
        <sz val="10"/>
        <color theme="1"/>
        <rFont val="ＭＳ 明朝"/>
        <family val="1"/>
        <charset val="128"/>
      </rPr>
      <t>支給認定基準世帯員が、現在指定難病や小児慢性特定疾病の受給者である場合は、どちらか選択し、受給者番号を入力してください。
　なお、マイナンバーを記載しないで申請される方は、マイナンバーの欄は空欄で結構です。</t>
    </r>
    <r>
      <rPr>
        <sz val="10"/>
        <color theme="1"/>
        <rFont val="ＭＳ 明朝"/>
        <family val="2"/>
        <charset val="128"/>
      </rPr>
      <t xml:space="preserve">
　※１月１日～６月30日に申請する方は、</t>
    </r>
    <r>
      <rPr>
        <u/>
        <sz val="10"/>
        <color theme="1"/>
        <rFont val="HGP創英角ｺﾞｼｯｸUB"/>
        <family val="3"/>
        <charset val="128"/>
      </rPr>
      <t>申請する日の前年１月１日</t>
    </r>
    <r>
      <rPr>
        <sz val="10"/>
        <color theme="1"/>
        <rFont val="HGP創英角ｺﾞｼｯｸUB"/>
        <family val="3"/>
        <charset val="128"/>
      </rPr>
      <t>にお住まいだった市区町村</t>
    </r>
    <r>
      <rPr>
        <sz val="10"/>
        <color theme="1"/>
        <rFont val="ＭＳ 明朝"/>
        <family val="2"/>
        <charset val="128"/>
      </rPr>
      <t>を入力してください。
　　７月１日～12月31日に申請する方は、</t>
    </r>
    <r>
      <rPr>
        <u/>
        <sz val="10"/>
        <color theme="1"/>
        <rFont val="HGP創英角ｺﾞｼｯｸUB"/>
        <family val="3"/>
        <charset val="128"/>
      </rPr>
      <t>申請する年の１月１日</t>
    </r>
    <r>
      <rPr>
        <sz val="10"/>
        <color theme="1"/>
        <rFont val="HGP創英角ｺﾞｼｯｸUB"/>
        <family val="3"/>
        <charset val="128"/>
      </rPr>
      <t>にお住まいだった市区町村</t>
    </r>
    <r>
      <rPr>
        <sz val="10"/>
        <color theme="1"/>
        <rFont val="ＭＳ 明朝"/>
        <family val="2"/>
        <charset val="128"/>
      </rPr>
      <t>を入力してください。</t>
    </r>
    <rPh sb="1" eb="3">
      <t>じこ</t>
    </rPh>
    <rPh sb="3" eb="5">
      <t>ふたん</t>
    </rPh>
    <rPh sb="10" eb="12">
      <t>かんじゃ</t>
    </rPh>
    <rPh sb="15" eb="17">
      <t>かぞく</t>
    </rPh>
    <rPh sb="18" eb="20">
      <t>しゅうにゅう</t>
    </rPh>
    <rPh sb="21" eb="23">
      <t>じょうきょう</t>
    </rPh>
    <rPh sb="23" eb="24">
      <t>とう</t>
    </rPh>
    <rPh sb="27" eb="29">
      <t>さんてい</t>
    </rPh>
    <rPh sb="35" eb="37">
      <t>かぞく</t>
    </rPh>
    <rPh sb="38" eb="40">
      <t>はんい</t>
    </rPh>
    <rPh sb="42" eb="44">
      <t>しきゅう</t>
    </rPh>
    <rPh sb="44" eb="46">
      <t>にんてい</t>
    </rPh>
    <rPh sb="46" eb="48">
      <t>きじゅん</t>
    </rPh>
    <rPh sb="48" eb="50">
      <t>せたい</t>
    </rPh>
    <rPh sb="50" eb="51">
      <t>いん</t>
    </rPh>
    <rPh sb="56" eb="58">
      <t>かんじゃ</t>
    </rPh>
    <rPh sb="59" eb="61">
      <t>かにゅう</t>
    </rPh>
    <rPh sb="63" eb="65">
      <t>こうてき</t>
    </rPh>
    <rPh sb="65" eb="67">
      <t>いりょう</t>
    </rPh>
    <rPh sb="67" eb="69">
      <t>ほけん</t>
    </rPh>
    <rPh sb="70" eb="72">
      <t>しゅるい</t>
    </rPh>
    <rPh sb="76" eb="77">
      <t>こと</t>
    </rPh>
    <rPh sb="83" eb="86">
      <t>じゅうみんひょう</t>
    </rPh>
    <rPh sb="86" eb="87">
      <t>うえ</t>
    </rPh>
    <rPh sb="88" eb="90">
      <t>せたい</t>
    </rPh>
    <rPh sb="90" eb="91">
      <t>いん</t>
    </rPh>
    <rPh sb="93" eb="94">
      <t>こと</t>
    </rPh>
    <rPh sb="119" eb="121">
      <t>つづきがら</t>
    </rPh>
    <rPh sb="130" eb="131">
      <t>つぎ</t>
    </rPh>
    <rPh sb="132" eb="134">
      <t>がいとう</t>
    </rPh>
    <rPh sb="136" eb="137">
      <t>とし</t>
    </rPh>
    <rPh sb="139" eb="140">
      <t>がつ</t>
    </rPh>
    <rPh sb="141" eb="142">
      <t>にち</t>
    </rPh>
    <rPh sb="142" eb="144">
      <t>じてん</t>
    </rPh>
    <rPh sb="146" eb="147">
      <t>す</t>
    </rPh>
    <rPh sb="150" eb="152">
      <t>しく</t>
    </rPh>
    <rPh sb="152" eb="154">
      <t>ちょうそん</t>
    </rPh>
    <rPh sb="156" eb="159">
      <t>じゅうみんぜい</t>
    </rPh>
    <rPh sb="160" eb="162">
      <t>かぜい</t>
    </rPh>
    <rPh sb="162" eb="163">
      <t>ち</t>
    </rPh>
    <rPh sb="165" eb="167">
      <t>にゅうりょく</t>
    </rPh>
    <rPh sb="178" eb="180">
      <t>しきゅう</t>
    </rPh>
    <rPh sb="180" eb="182">
      <t>にんてい</t>
    </rPh>
    <rPh sb="182" eb="184">
      <t>きじゅん</t>
    </rPh>
    <rPh sb="184" eb="187">
      <t>せたいいん</t>
    </rPh>
    <rPh sb="189" eb="191">
      <t>げんざい</t>
    </rPh>
    <rPh sb="191" eb="193">
      <t>してい</t>
    </rPh>
    <rPh sb="193" eb="195">
      <t>なんびょう</t>
    </rPh>
    <rPh sb="196" eb="198">
      <t>しょうに</t>
    </rPh>
    <rPh sb="198" eb="200">
      <t>まんせい</t>
    </rPh>
    <rPh sb="200" eb="202">
      <t>とくてい</t>
    </rPh>
    <rPh sb="202" eb="204">
      <t>しっぺい</t>
    </rPh>
    <rPh sb="205" eb="208">
      <t>じゅきゅうしゃ</t>
    </rPh>
    <rPh sb="211" eb="213">
      <t>ばあい</t>
    </rPh>
    <rPh sb="219" eb="221">
      <t>せんたく</t>
    </rPh>
    <rPh sb="223" eb="226">
      <t>じゅきゅうしゃ</t>
    </rPh>
    <rPh sb="226" eb="228">
      <t>ばんごう</t>
    </rPh>
    <rPh sb="229" eb="231">
      <t>にゅうりょく</t>
    </rPh>
    <rPh sb="250" eb="252">
      <t>きさい</t>
    </rPh>
    <rPh sb="256" eb="258">
      <t>しんせい</t>
    </rPh>
    <rPh sb="261" eb="262">
      <t>かた</t>
    </rPh>
    <rPh sb="271" eb="272">
      <t>らん</t>
    </rPh>
    <rPh sb="273" eb="275">
      <t>くうらん</t>
    </rPh>
    <rPh sb="276" eb="278">
      <t>けっこう</t>
    </rPh>
    <rPh sb="300" eb="301">
      <t>かた</t>
    </rPh>
    <rPh sb="317" eb="318">
      <t>す</t>
    </rPh>
    <rPh sb="328" eb="330">
      <t>にゅうりょく</t>
    </rPh>
    <rPh sb="356" eb="357">
      <t>かた</t>
    </rPh>
    <rPh sb="371" eb="372">
      <t>す</t>
    </rPh>
    <rPh sb="382" eb="384">
      <t>にゅうりょく</t>
    </rPh>
    <phoneticPr fontId="2" type="Hiragana"/>
  </si>
  <si>
    <t>保険の記号・番号</t>
    <rPh sb="0" eb="2">
      <t>ほけん</t>
    </rPh>
    <rPh sb="3" eb="5">
      <t>きごう</t>
    </rPh>
    <rPh sb="6" eb="8">
      <t>ばんごう</t>
    </rPh>
    <phoneticPr fontId="2" type="Hiragana"/>
  </si>
  <si>
    <t>LMNB1 関連大脳白質脳症</t>
    <phoneticPr fontId="2"/>
  </si>
  <si>
    <t>PURA 関連神経発達異常症</t>
    <phoneticPr fontId="2"/>
  </si>
  <si>
    <t>極長鎖アシル-CoA 脱水素酵素欠損症</t>
    <phoneticPr fontId="2"/>
  </si>
  <si>
    <t>乳児発症 STING 関連血管炎</t>
    <phoneticPr fontId="2"/>
  </si>
  <si>
    <t>原発性肝外門脈閉塞症</t>
    <phoneticPr fontId="2"/>
  </si>
  <si>
    <t>出血性線溶異常症</t>
    <phoneticPr fontId="2"/>
  </si>
  <si>
    <t>ロウ症候群</t>
    <phoneticPr fontId="2"/>
  </si>
  <si>
    <t>　※患者氏名を入力してください。</t>
    <phoneticPr fontId="2" type="Hiragana"/>
  </si>
  <si>
    <t>委任状を作成します。（患者さん以外の方が申請する場合は入力してください）</t>
    <phoneticPr fontId="2" type="Hiragana"/>
  </si>
  <si>
    <t>健康保険等の種類</t>
    <rPh sb="0" eb="4">
      <t>けんこうほけん</t>
    </rPh>
    <rPh sb="4" eb="5">
      <t>とう</t>
    </rPh>
    <rPh sb="6" eb="8">
      <t>しゅるい</t>
    </rPh>
    <phoneticPr fontId="2" type="Hiragana"/>
  </si>
  <si>
    <t>※カタカナで入力してください。</t>
    <phoneticPr fontId="2" type="Hiragana"/>
  </si>
  <si>
    <t>　※マイナ保険証の方でも記入が必要です。
　　以下の書類を見ながら記入してください。
　　・保険者から交付された「資格情報のお知らせ」または「資格確認書」
　　・マイナポータルで確認できる「資格情報画面」</t>
    <rPh sb="5" eb="8">
      <t>ほけんしょう</t>
    </rPh>
    <rPh sb="9" eb="10">
      <t>かた</t>
    </rPh>
    <rPh sb="12" eb="14">
      <t>きにゅう</t>
    </rPh>
    <rPh sb="15" eb="17">
      <t>ひつよう</t>
    </rPh>
    <rPh sb="23" eb="25">
      <t>いか</t>
    </rPh>
    <rPh sb="26" eb="28">
      <t>しょるい</t>
    </rPh>
    <rPh sb="29" eb="30">
      <t>み</t>
    </rPh>
    <rPh sb="33" eb="35">
      <t>きにゅう</t>
    </rPh>
    <rPh sb="90" eb="92">
      <t>かくにん</t>
    </rPh>
    <phoneticPr fontId="2" type="Hiragana"/>
  </si>
  <si>
    <t xml:space="preserve">医療保険
</t>
    <rPh sb="0" eb="2">
      <t>いりょう</t>
    </rPh>
    <rPh sb="2" eb="4">
      <t>ほけん</t>
    </rPh>
    <phoneticPr fontId="2" type="Hiragana"/>
  </si>
  <si>
    <r>
      <t xml:space="preserve">被保険者氏名
</t>
    </r>
    <r>
      <rPr>
        <sz val="6"/>
        <color theme="1"/>
        <rFont val="ＭＳ 明朝"/>
        <family val="1"/>
        <charset val="128"/>
      </rPr>
      <t>（保険に加入している方の氏名）</t>
    </r>
    <rPh sb="0" eb="4">
      <t>ひほけんしゃ</t>
    </rPh>
    <rPh sb="4" eb="6">
      <t>しめい</t>
    </rPh>
    <rPh sb="8" eb="10">
      <t>ほけん</t>
    </rPh>
    <rPh sb="11" eb="13">
      <t>かにゅう</t>
    </rPh>
    <rPh sb="17" eb="18">
      <t>かた</t>
    </rPh>
    <rPh sb="19" eb="21">
      <t>しめい</t>
    </rPh>
    <phoneticPr fontId="2" type="Hiragana"/>
  </si>
  <si>
    <r>
      <t xml:space="preserve">保険者名称
</t>
    </r>
    <r>
      <rPr>
        <sz val="6"/>
        <color theme="1"/>
        <rFont val="ＭＳ 明朝"/>
        <family val="1"/>
        <charset val="128"/>
      </rPr>
      <t>（保険組合などの名称）</t>
    </r>
    <rPh sb="0" eb="2">
      <t>ほけん</t>
    </rPh>
    <rPh sb="2" eb="3">
      <t>じゃ</t>
    </rPh>
    <rPh sb="3" eb="5">
      <t>めいしょう</t>
    </rPh>
    <rPh sb="7" eb="11">
      <t>ほけんくみあい</t>
    </rPh>
    <rPh sb="14" eb="16">
      <t>めいしょう</t>
    </rPh>
    <phoneticPr fontId="2" type="Hiragana"/>
  </si>
  <si>
    <t>３　疾病・臨床調査個人票の情報を入力してください。</t>
    <rPh sb="2" eb="4">
      <t>しっぺい</t>
    </rPh>
    <rPh sb="5" eb="12">
      <t>りんしょうちょうさこじんひょう</t>
    </rPh>
    <phoneticPr fontId="2" type="Hiragana"/>
  </si>
  <si>
    <t>臨床調査個人票作成
医療機関名称</t>
    <rPh sb="0" eb="7">
      <t>りんしょうちょうさこじんひょう</t>
    </rPh>
    <rPh sb="7" eb="9">
      <t>さくせい</t>
    </rPh>
    <rPh sb="10" eb="14">
      <t>いりょうきかん</t>
    </rPh>
    <rPh sb="14" eb="16">
      <t>めいしょう</t>
    </rPh>
    <phoneticPr fontId="2" type="Hiragana"/>
  </si>
  <si>
    <t>※指定医療機関における指定難病に対する治療のみが医療費助成の対象となります。
指定医療機関かどうかは、各医療機関の所在する都道府県や政令市のホームページをご確認ください。</t>
    <rPh sb="1" eb="3">
      <t>してい</t>
    </rPh>
    <rPh sb="3" eb="7">
      <t>いりょうきかん</t>
    </rPh>
    <rPh sb="11" eb="15">
      <t>していなんびょう</t>
    </rPh>
    <rPh sb="16" eb="17">
      <t>たい</t>
    </rPh>
    <rPh sb="19" eb="21">
      <t>ちりょう</t>
    </rPh>
    <rPh sb="24" eb="27">
      <t>いりょうひ</t>
    </rPh>
    <rPh sb="27" eb="29">
      <t>じょせい</t>
    </rPh>
    <rPh sb="30" eb="32">
      <t>たいしょう</t>
    </rPh>
    <phoneticPr fontId="2" type="Hiragana"/>
  </si>
  <si>
    <t>月</t>
    <rPh sb="0" eb="1">
      <t>つき</t>
    </rPh>
    <phoneticPr fontId="2" type="Hiragana"/>
  </si>
  <si>
    <t>臨床調査個人票の診断年月日を記載してください。</t>
    <rPh sb="0" eb="7">
      <t>りんしょうちょうさこじんひょう</t>
    </rPh>
    <rPh sb="8" eb="10">
      <t>しんだん</t>
    </rPh>
    <rPh sb="10" eb="13">
      <t>ねんがっぴ</t>
    </rPh>
    <rPh sb="14" eb="16">
      <t>きさい</t>
    </rPh>
    <phoneticPr fontId="2" type="Hiragana"/>
  </si>
  <si>
    <t>４　保護者もしくは送付先の情報を入力してください。</t>
    <rPh sb="2" eb="5">
      <t>ほごしゃ</t>
    </rPh>
    <rPh sb="9" eb="12">
      <t>そうふさき</t>
    </rPh>
    <rPh sb="13" eb="15">
      <t>じょうほう</t>
    </rPh>
    <rPh sb="16" eb="18">
      <t>にゅうりょく</t>
    </rPh>
    <phoneticPr fontId="2" type="Hiragana"/>
  </si>
  <si>
    <t>５　この項目は、該当の方のみ入力してください。</t>
    <rPh sb="4" eb="6">
      <t>こうもく</t>
    </rPh>
    <rPh sb="8" eb="10">
      <t>がいとう</t>
    </rPh>
    <rPh sb="11" eb="12">
      <t>かた</t>
    </rPh>
    <rPh sb="14" eb="16">
      <t>にゅうりょく</t>
    </rPh>
    <phoneticPr fontId="2" type="Hiragana"/>
  </si>
  <si>
    <t xml:space="preserve">　※該当するものは「はい」を選択してください。
　入力がない場合、特例は認定されません。特例制度の詳細は、「指定難病のしおり」をご確認ください。
</t>
    <phoneticPr fontId="2" type="Hiragana"/>
  </si>
  <si>
    <t>支給認定基準世帯員全員が非課税の場合</t>
    <rPh sb="0" eb="9">
      <t>しきゅうにんていきじゅんせたいいん</t>
    </rPh>
    <rPh sb="9" eb="11">
      <t>ぜんいん</t>
    </rPh>
    <rPh sb="12" eb="15">
      <t>ひかぜい</t>
    </rPh>
    <rPh sb="16" eb="18">
      <t>ばあい</t>
    </rPh>
    <phoneticPr fontId="2" type="Hiragana"/>
  </si>
  <si>
    <t>特例制度の申請を希望する場合</t>
    <rPh sb="0" eb="4">
      <t>とくれいせいど</t>
    </rPh>
    <rPh sb="5" eb="7">
      <t>しんせい</t>
    </rPh>
    <rPh sb="8" eb="10">
      <t>きぼう</t>
    </rPh>
    <rPh sb="12" eb="14">
      <t>ばあい</t>
    </rPh>
    <phoneticPr fontId="2" type="Hiragana"/>
  </si>
  <si>
    <t>６　支給認定基準世帯員の情報を入力してください。</t>
    <rPh sb="2" eb="4">
      <t>しきゅう</t>
    </rPh>
    <rPh sb="4" eb="6">
      <t>にんてい</t>
    </rPh>
    <rPh sb="6" eb="8">
      <t>きじゅん</t>
    </rPh>
    <rPh sb="8" eb="11">
      <t>せたいいん</t>
    </rPh>
    <rPh sb="12" eb="14">
      <t>じょうほう</t>
    </rPh>
    <rPh sb="15" eb="17">
      <t>にゅうりょく</t>
    </rPh>
    <phoneticPr fontId="2" type="Hiragana"/>
  </si>
  <si>
    <t>７　この項目は、該当の方のみ入力してください。</t>
    <rPh sb="4" eb="6">
      <t>こうもく</t>
    </rPh>
    <rPh sb="8" eb="10">
      <t>がいとう</t>
    </rPh>
    <rPh sb="11" eb="12">
      <t>かた</t>
    </rPh>
    <rPh sb="14" eb="16">
      <t>にゅうりょく</t>
    </rPh>
    <phoneticPr fontId="2" type="Hiragana"/>
  </si>
  <si>
    <t>審査の結果、診断基準を満たした場合、登録者証の発行は不要です。
登録者証は、自治体における障害福祉サービスの受給申請やハローワーク等で難病患者であることの証明が必要な時に、医師の診断書の代わりに活用することができる証明書です。</t>
    <rPh sb="0" eb="2">
      <t>しんさ</t>
    </rPh>
    <rPh sb="3" eb="5">
      <t>けっか</t>
    </rPh>
    <rPh sb="6" eb="10">
      <t>しんだんきじゅん</t>
    </rPh>
    <rPh sb="11" eb="12">
      <t>み</t>
    </rPh>
    <rPh sb="15" eb="17">
      <t>ばあい</t>
    </rPh>
    <rPh sb="18" eb="22">
      <t>とうろくしゃしょう</t>
    </rPh>
    <rPh sb="23" eb="25">
      <t>はっこう</t>
    </rPh>
    <rPh sb="26" eb="28">
      <t>ふよう</t>
    </rPh>
    <rPh sb="32" eb="36">
      <t>とうろくしゃしょう</t>
    </rPh>
    <rPh sb="38" eb="41">
      <t>じちたい</t>
    </rPh>
    <rPh sb="45" eb="49">
      <t>しょうがいふくし</t>
    </rPh>
    <rPh sb="54" eb="58">
      <t>じゅきゅうしんせい</t>
    </rPh>
    <rPh sb="65" eb="66">
      <t>とう</t>
    </rPh>
    <rPh sb="67" eb="69">
      <t>なんびょう</t>
    </rPh>
    <rPh sb="69" eb="71">
      <t>かんじゃ</t>
    </rPh>
    <rPh sb="77" eb="79">
      <t>しょうめい</t>
    </rPh>
    <rPh sb="80" eb="82">
      <t>ひつよう</t>
    </rPh>
    <rPh sb="83" eb="84">
      <t>とき</t>
    </rPh>
    <rPh sb="86" eb="88">
      <t>いし</t>
    </rPh>
    <rPh sb="89" eb="92">
      <t>しんだんしょ</t>
    </rPh>
    <rPh sb="93" eb="94">
      <t>か</t>
    </rPh>
    <rPh sb="97" eb="99">
      <t>かつよう</t>
    </rPh>
    <rPh sb="107" eb="110">
      <t>しょうめいしょ</t>
    </rPh>
    <phoneticPr fontId="2" type="Hiragana"/>
  </si>
  <si>
    <t>登録者証の申請を希望しない場合</t>
    <rPh sb="0" eb="3">
      <t>とうろくしゃ</t>
    </rPh>
    <rPh sb="3" eb="4">
      <t>しょう</t>
    </rPh>
    <rPh sb="5" eb="7">
      <t>しんせい</t>
    </rPh>
    <rPh sb="8" eb="10">
      <t>きぼう</t>
    </rPh>
    <rPh sb="13" eb="15">
      <t>ばあい</t>
    </rPh>
    <phoneticPr fontId="2" type="Hiragana"/>
  </si>
  <si>
    <t>個人情報の利用に関する同意（個別避難計画の作成等、法に基づく情報提供の依頼があった場合は同意の有無によらず情報提供を行います。）</t>
    <rPh sb="0" eb="4">
      <t>こじんじょうほう</t>
    </rPh>
    <rPh sb="5" eb="7">
      <t>りよう</t>
    </rPh>
    <rPh sb="8" eb="9">
      <t>かん</t>
    </rPh>
    <rPh sb="11" eb="13">
      <t>どうい</t>
    </rPh>
    <rPh sb="14" eb="16">
      <t>こべつ</t>
    </rPh>
    <rPh sb="16" eb="18">
      <t>ひなん</t>
    </rPh>
    <rPh sb="18" eb="20">
      <t>けいかく</t>
    </rPh>
    <rPh sb="21" eb="23">
      <t>さくせい</t>
    </rPh>
    <rPh sb="23" eb="24">
      <t>とう</t>
    </rPh>
    <rPh sb="25" eb="26">
      <t>ほう</t>
    </rPh>
    <rPh sb="27" eb="28">
      <t>もと</t>
    </rPh>
    <rPh sb="30" eb="34">
      <t>じょうほうていきょう</t>
    </rPh>
    <rPh sb="35" eb="37">
      <t>いらい</t>
    </rPh>
    <rPh sb="41" eb="43">
      <t>ばあい</t>
    </rPh>
    <rPh sb="44" eb="46">
      <t>どうい</t>
    </rPh>
    <rPh sb="47" eb="49">
      <t>うむ</t>
    </rPh>
    <rPh sb="53" eb="57">
      <t>じょうほうていきょう</t>
    </rPh>
    <rPh sb="58" eb="59">
      <t>おこな</t>
    </rPh>
    <phoneticPr fontId="2" type="Hiragana"/>
  </si>
  <si>
    <t>（１）　特定医療費の支給決定に必要な事務のため。</t>
    <rPh sb="4" eb="9">
      <t>とくていいりょうひ</t>
    </rPh>
    <rPh sb="10" eb="14">
      <t>しきゅうけってい</t>
    </rPh>
    <rPh sb="15" eb="17">
      <t>ひつよう</t>
    </rPh>
    <rPh sb="18" eb="20">
      <t>じむ</t>
    </rPh>
    <phoneticPr fontId="2" type="Hiragana"/>
  </si>
  <si>
    <t>（２）　医療保険の保険者に対して、所得区分に関する情報を求めること及び情報を提供すること（医療保険加入者のみ）</t>
    <rPh sb="4" eb="8">
      <t>いりょうほけん</t>
    </rPh>
    <rPh sb="9" eb="12">
      <t>ほけんしゃ</t>
    </rPh>
    <rPh sb="13" eb="14">
      <t>たい</t>
    </rPh>
    <rPh sb="17" eb="21">
      <t>しょとくくぶん</t>
    </rPh>
    <rPh sb="22" eb="23">
      <t>かん</t>
    </rPh>
    <rPh sb="25" eb="27">
      <t>じょうほう</t>
    </rPh>
    <rPh sb="28" eb="29">
      <t>もと</t>
    </rPh>
    <rPh sb="33" eb="34">
      <t>およ</t>
    </rPh>
    <rPh sb="35" eb="37">
      <t>じょうほう</t>
    </rPh>
    <rPh sb="38" eb="40">
      <t>ていきょう</t>
    </rPh>
    <rPh sb="45" eb="49">
      <t>いりょうほけん</t>
    </rPh>
    <rPh sb="49" eb="52">
      <t>かにゅうしゃ</t>
    </rPh>
    <phoneticPr fontId="2" type="Hiragana"/>
  </si>
  <si>
    <t>（３）　国家公務員共済組合又は地方公務員共済組合が、高額療養費の支給の請求に係る事実についての審査に関する事務を処理するために
　　　　限って患者及び支給認定基準世帯員の必要な地方税関係情報について取得すること（共済組合員のみ）</t>
    <rPh sb="4" eb="6">
      <t>こっか</t>
    </rPh>
    <rPh sb="6" eb="9">
      <t>こうむいん</t>
    </rPh>
    <rPh sb="9" eb="13">
      <t>きょうさいくみあい</t>
    </rPh>
    <rPh sb="13" eb="14">
      <t>また</t>
    </rPh>
    <rPh sb="15" eb="20">
      <t>ちほうこうむいん</t>
    </rPh>
    <rPh sb="20" eb="22">
      <t>きょうさい</t>
    </rPh>
    <rPh sb="22" eb="24">
      <t>くみあい</t>
    </rPh>
    <rPh sb="26" eb="28">
      <t>こうがく</t>
    </rPh>
    <rPh sb="28" eb="31">
      <t>りょうようひ</t>
    </rPh>
    <rPh sb="32" eb="34">
      <t>しきゅう</t>
    </rPh>
    <rPh sb="35" eb="37">
      <t>せいきゅう</t>
    </rPh>
    <rPh sb="38" eb="39">
      <t>かか</t>
    </rPh>
    <rPh sb="40" eb="42">
      <t>じじつ</t>
    </rPh>
    <rPh sb="47" eb="49">
      <t>しんさ</t>
    </rPh>
    <rPh sb="50" eb="51">
      <t>かん</t>
    </rPh>
    <rPh sb="53" eb="55">
      <t>じむ</t>
    </rPh>
    <rPh sb="56" eb="58">
      <t>しょり</t>
    </rPh>
    <rPh sb="68" eb="69">
      <t>かぎ</t>
    </rPh>
    <rPh sb="71" eb="73">
      <t>かんじゃ</t>
    </rPh>
    <rPh sb="73" eb="74">
      <t>およ</t>
    </rPh>
    <rPh sb="75" eb="84">
      <t>しきゅうにんていきじゅんせたいいん</t>
    </rPh>
    <rPh sb="85" eb="87">
      <t>ひつよう</t>
    </rPh>
    <rPh sb="88" eb="91">
      <t>ちほうぜい</t>
    </rPh>
    <rPh sb="91" eb="93">
      <t>かんけい</t>
    </rPh>
    <rPh sb="93" eb="95">
      <t>じょうほう</t>
    </rPh>
    <rPh sb="99" eb="101">
      <t>しゅとく</t>
    </rPh>
    <rPh sb="106" eb="108">
      <t>きょうさい</t>
    </rPh>
    <rPh sb="108" eb="111">
      <t>くみあいいん</t>
    </rPh>
    <phoneticPr fontId="2" type="Hiragana"/>
  </si>
  <si>
    <t>（５）　県保健福祉事務所及び市保健所が、難病患者・介助者を対象とした講演会等を行うにあたり案内等を発送するため。</t>
    <rPh sb="4" eb="5">
      <t>けん</t>
    </rPh>
    <rPh sb="5" eb="7">
      <t>ほけん</t>
    </rPh>
    <rPh sb="7" eb="9">
      <t>ふくし</t>
    </rPh>
    <rPh sb="9" eb="11">
      <t>じむ</t>
    </rPh>
    <rPh sb="11" eb="12">
      <t>しょ</t>
    </rPh>
    <rPh sb="12" eb="13">
      <t>およ</t>
    </rPh>
    <rPh sb="14" eb="15">
      <t>し</t>
    </rPh>
    <rPh sb="15" eb="18">
      <t>ほけんじょ</t>
    </rPh>
    <rPh sb="20" eb="22">
      <t>なんびょう</t>
    </rPh>
    <rPh sb="22" eb="24">
      <t>かんじゃ</t>
    </rPh>
    <rPh sb="25" eb="28">
      <t>かいじょしゃ</t>
    </rPh>
    <rPh sb="29" eb="31">
      <t>たいしょう</t>
    </rPh>
    <rPh sb="34" eb="37">
      <t>こうえんかい</t>
    </rPh>
    <rPh sb="37" eb="38">
      <t>とう</t>
    </rPh>
    <rPh sb="39" eb="40">
      <t>おこな</t>
    </rPh>
    <rPh sb="45" eb="48">
      <t>あんないなど</t>
    </rPh>
    <rPh sb="49" eb="51">
      <t>はっそう</t>
    </rPh>
    <phoneticPr fontId="2" type="Hiragana"/>
  </si>
  <si>
    <t>（６）　県保健福祉事務所及び市保健所が、難病患者・介助者を対象とした講演会等を行うにあたり案内等を送付するため。</t>
    <rPh sb="4" eb="5">
      <t>けん</t>
    </rPh>
    <rPh sb="5" eb="12">
      <t>ほけんふくしじむしょ</t>
    </rPh>
    <rPh sb="12" eb="13">
      <t>およ</t>
    </rPh>
    <rPh sb="14" eb="15">
      <t>し</t>
    </rPh>
    <rPh sb="15" eb="18">
      <t>ほけんじょ</t>
    </rPh>
    <rPh sb="45" eb="47">
      <t>あんない</t>
    </rPh>
    <rPh sb="47" eb="48">
      <t>とう</t>
    </rPh>
    <rPh sb="49" eb="51">
      <t>そうふ</t>
    </rPh>
    <phoneticPr fontId="2" type="Hiragana"/>
  </si>
  <si>
    <t>（４）　「指定難病のしおり」15ページ&lt;本同意書に関する説明&gt;のとおり、臨床調査個人票を指定難病に関する創薬の研究開発等に利用するため。</t>
    <rPh sb="5" eb="9">
      <t>していなんびょう</t>
    </rPh>
    <rPh sb="20" eb="21">
      <t>ほん</t>
    </rPh>
    <rPh sb="21" eb="24">
      <t>どういしょ</t>
    </rPh>
    <rPh sb="25" eb="26">
      <t>かん</t>
    </rPh>
    <rPh sb="28" eb="30">
      <t>せつめい</t>
    </rPh>
    <rPh sb="36" eb="43">
      <t>りんしょうちょうさこじんひょう</t>
    </rPh>
    <rPh sb="44" eb="48">
      <t>していなんびょう</t>
    </rPh>
    <rPh sb="49" eb="50">
      <t>かん</t>
    </rPh>
    <rPh sb="52" eb="54">
      <t>そうやく</t>
    </rPh>
    <rPh sb="55" eb="59">
      <t>けんきゅうかいはつ</t>
    </rPh>
    <rPh sb="59" eb="60">
      <t>とう</t>
    </rPh>
    <rPh sb="61" eb="63">
      <t>りよう</t>
    </rPh>
    <phoneticPr fontId="2" type="Hiragana"/>
  </si>
  <si>
    <t>本課提出用　特定医療費支給認定申請書（新規・転入用）</t>
    <rPh sb="0" eb="2">
      <t>ホンカ</t>
    </rPh>
    <rPh sb="2" eb="5">
      <t>テイシュツヨウ</t>
    </rPh>
    <rPh sb="6" eb="11">
      <t>トクテイイリョウヒ</t>
    </rPh>
    <rPh sb="11" eb="15">
      <t>シキュウニンテイ</t>
    </rPh>
    <rPh sb="15" eb="18">
      <t>シンセイショ</t>
    </rPh>
    <rPh sb="19" eb="21">
      <t>シンキ</t>
    </rPh>
    <rPh sb="22" eb="24">
      <t>テンニュウ</t>
    </rPh>
    <rPh sb="24" eb="25">
      <t>ヨウ</t>
    </rPh>
    <phoneticPr fontId="2"/>
  </si>
  <si>
    <t>申請種類</t>
    <rPh sb="0" eb="4">
      <t>シンセイシュルイ</t>
    </rPh>
    <phoneticPr fontId="2"/>
  </si>
  <si>
    <t>新規/転入</t>
    <rPh sb="0" eb="2">
      <t>シンキ</t>
    </rPh>
    <rPh sb="3" eb="5">
      <t>テンニュウ</t>
    </rPh>
    <phoneticPr fontId="2"/>
  </si>
  <si>
    <t>都道府県</t>
    <rPh sb="0" eb="4">
      <t>トドウフケン</t>
    </rPh>
    <phoneticPr fontId="2"/>
  </si>
  <si>
    <t>市区町村から</t>
    <rPh sb="0" eb="4">
      <t>シクチョウソン</t>
    </rPh>
    <phoneticPr fontId="2"/>
  </si>
  <si>
    <t>患者情報</t>
    <rPh sb="0" eb="2">
      <t>カンジャ</t>
    </rPh>
    <rPh sb="2" eb="4">
      <t>ジョウホウ</t>
    </rPh>
    <phoneticPr fontId="2"/>
  </si>
  <si>
    <t>住所地</t>
    <rPh sb="0" eb="3">
      <t>ジュウショチ</t>
    </rPh>
    <phoneticPr fontId="2"/>
  </si>
  <si>
    <t>健康保険等の種類</t>
    <rPh sb="0" eb="5">
      <t>ケンコウホケントウ</t>
    </rPh>
    <rPh sb="6" eb="8">
      <t>シュルイ</t>
    </rPh>
    <phoneticPr fontId="2"/>
  </si>
  <si>
    <t>医療保険</t>
    <rPh sb="0" eb="4">
      <t>イリョウホケン</t>
    </rPh>
    <phoneticPr fontId="2"/>
  </si>
  <si>
    <t>被保険者</t>
    <rPh sb="0" eb="4">
      <t>ヒホケンシャ</t>
    </rPh>
    <phoneticPr fontId="2"/>
  </si>
  <si>
    <t>患者との
続柄</t>
    <rPh sb="0" eb="2">
      <t>カンジャ</t>
    </rPh>
    <rPh sb="5" eb="6">
      <t>ツヅ</t>
    </rPh>
    <rPh sb="6" eb="7">
      <t>ガラ</t>
    </rPh>
    <phoneticPr fontId="2"/>
  </si>
  <si>
    <t>疾病・臨床調査個人票情報</t>
    <rPh sb="0" eb="2">
      <t>シッペイ</t>
    </rPh>
    <rPh sb="3" eb="10">
      <t>リンショウチョウサコジンヒョウ</t>
    </rPh>
    <rPh sb="10" eb="12">
      <t>ジョウホウ</t>
    </rPh>
    <phoneticPr fontId="2"/>
  </si>
  <si>
    <t>指定難病の名称</t>
    <rPh sb="0" eb="4">
      <t>シテイナンビョウ</t>
    </rPh>
    <rPh sb="5" eb="7">
      <t>メイショウ</t>
    </rPh>
    <phoneticPr fontId="2"/>
  </si>
  <si>
    <t>①</t>
    <phoneticPr fontId="2"/>
  </si>
  <si>
    <t>②</t>
    <phoneticPr fontId="2"/>
  </si>
  <si>
    <t>③</t>
    <phoneticPr fontId="2"/>
  </si>
  <si>
    <t>理由</t>
    <rPh sb="0" eb="2">
      <t>リユウ</t>
    </rPh>
    <phoneticPr fontId="2"/>
  </si>
  <si>
    <t>左記の欄が申請日から１か月以上前の年月日となっている理由</t>
    <rPh sb="0" eb="2">
      <t>サキ</t>
    </rPh>
    <rPh sb="3" eb="4">
      <t>ラン</t>
    </rPh>
    <rPh sb="5" eb="8">
      <t>シンセイビ</t>
    </rPh>
    <rPh sb="12" eb="13">
      <t>ゲツ</t>
    </rPh>
    <rPh sb="13" eb="15">
      <t>イジョウ</t>
    </rPh>
    <rPh sb="15" eb="16">
      <t>マエ</t>
    </rPh>
    <rPh sb="17" eb="20">
      <t>ネンガッピ</t>
    </rPh>
    <rPh sb="26" eb="28">
      <t>リユウ</t>
    </rPh>
    <phoneticPr fontId="2"/>
  </si>
  <si>
    <t>送付先・保護者</t>
    <rPh sb="0" eb="3">
      <t>ソウフサキ</t>
    </rPh>
    <rPh sb="4" eb="7">
      <t>ホゴシャ</t>
    </rPh>
    <phoneticPr fontId="2"/>
  </si>
  <si>
    <t>▼患者本人が18歳未満の場合は必ず記入、または、上記住所地以外への送付を希望する場合に記入▼</t>
    <rPh sb="1" eb="3">
      <t>カンジャ</t>
    </rPh>
    <rPh sb="3" eb="5">
      <t>ホンニン</t>
    </rPh>
    <rPh sb="8" eb="9">
      <t>サイ</t>
    </rPh>
    <rPh sb="9" eb="11">
      <t>ミマン</t>
    </rPh>
    <rPh sb="12" eb="14">
      <t>バアイ</t>
    </rPh>
    <rPh sb="15" eb="16">
      <t>カナラ</t>
    </rPh>
    <rPh sb="17" eb="19">
      <t>キニュウ</t>
    </rPh>
    <rPh sb="24" eb="26">
      <t>ジョウキ</t>
    </rPh>
    <rPh sb="26" eb="29">
      <t>ジュウショチ</t>
    </rPh>
    <rPh sb="29" eb="31">
      <t>イガイ</t>
    </rPh>
    <rPh sb="33" eb="35">
      <t>ソウフ</t>
    </rPh>
    <rPh sb="36" eb="38">
      <t>キボウ</t>
    </rPh>
    <rPh sb="40" eb="42">
      <t>バアイ</t>
    </rPh>
    <rPh sb="43" eb="45">
      <t>キニュウ</t>
    </rPh>
    <phoneticPr fontId="2"/>
  </si>
  <si>
    <t>電話番号</t>
    <rPh sb="0" eb="4">
      <t>デンワバンゴウ</t>
    </rPh>
    <phoneticPr fontId="2"/>
  </si>
  <si>
    <t>送付先</t>
    <rPh sb="0" eb="3">
      <t>ソウフサキ</t>
    </rPh>
    <phoneticPr fontId="2"/>
  </si>
  <si>
    <t>該当者記入欄</t>
    <rPh sb="0" eb="3">
      <t>ガイトウシャ</t>
    </rPh>
    <rPh sb="3" eb="6">
      <t>キニュウラン</t>
    </rPh>
    <phoneticPr fontId="2"/>
  </si>
  <si>
    <t>▼特例を申請する場合は、□にレ点を記入▼</t>
    <rPh sb="1" eb="3">
      <t>トクレイ</t>
    </rPh>
    <rPh sb="4" eb="6">
      <t>シンセイ</t>
    </rPh>
    <rPh sb="8" eb="10">
      <t>バアイ</t>
    </rPh>
    <rPh sb="15" eb="16">
      <t>テン</t>
    </rPh>
    <rPh sb="17" eb="19">
      <t>キニュウ</t>
    </rPh>
    <phoneticPr fontId="2"/>
  </si>
  <si>
    <t>▼障害年金や遺族年金など、「指定難病のしおり」８ページに掲げる収入がある場合は記入▼</t>
    <rPh sb="1" eb="5">
      <t>ショウガイネンキン</t>
    </rPh>
    <rPh sb="6" eb="8">
      <t>イゾク</t>
    </rPh>
    <rPh sb="8" eb="10">
      <t>ネンキン</t>
    </rPh>
    <rPh sb="14" eb="18">
      <t>シテイナンビョウ</t>
    </rPh>
    <rPh sb="28" eb="29">
      <t>カカ</t>
    </rPh>
    <rPh sb="31" eb="33">
      <t>シュウニュウ</t>
    </rPh>
    <rPh sb="36" eb="38">
      <t>バアイ</t>
    </rPh>
    <rPh sb="39" eb="41">
      <t>キニュウ</t>
    </rPh>
    <phoneticPr fontId="2"/>
  </si>
  <si>
    <t>人工呼吸器装着者特例</t>
    <rPh sb="0" eb="8">
      <t>ジンコウコキュウキソウチャクモノ</t>
    </rPh>
    <rPh sb="8" eb="10">
      <t>トクレイ</t>
    </rPh>
    <phoneticPr fontId="2"/>
  </si>
  <si>
    <t>世帯内に指定難病や小児慢性特定疾病の受給者が他にいる
または、申請者が小児慢性特定疾病を併用している</t>
    <rPh sb="0" eb="3">
      <t>セタイナイ</t>
    </rPh>
    <rPh sb="4" eb="8">
      <t>シテイナンビョウ</t>
    </rPh>
    <rPh sb="9" eb="17">
      <t>ショウニマンセイトクテイシッペイ</t>
    </rPh>
    <rPh sb="18" eb="21">
      <t>ジュキュウシャ</t>
    </rPh>
    <rPh sb="22" eb="23">
      <t>ホカ</t>
    </rPh>
    <rPh sb="31" eb="34">
      <t>シンセイシャ</t>
    </rPh>
    <rPh sb="35" eb="43">
      <t>ショウニマンセイトクテイシッペイ</t>
    </rPh>
    <rPh sb="44" eb="46">
      <t>ヘイヨウ</t>
    </rPh>
    <phoneticPr fontId="2"/>
  </si>
  <si>
    <t>軽症高額該当特例</t>
    <rPh sb="0" eb="4">
      <t>ケイショウコウガク</t>
    </rPh>
    <rPh sb="4" eb="6">
      <t>ガイトウ</t>
    </rPh>
    <rPh sb="6" eb="8">
      <t>トクレイ</t>
    </rPh>
    <phoneticPr fontId="2"/>
  </si>
  <si>
    <t>高額難病治療継続</t>
    <rPh sb="0" eb="2">
      <t>コウガク</t>
    </rPh>
    <rPh sb="2" eb="4">
      <t>ナンビョウ</t>
    </rPh>
    <rPh sb="4" eb="8">
      <t>チリョウケイゾク</t>
    </rPh>
    <phoneticPr fontId="2"/>
  </si>
  <si>
    <t>種類</t>
    <rPh sb="0" eb="2">
      <t>シュルイ</t>
    </rPh>
    <phoneticPr fontId="2"/>
  </si>
  <si>
    <t>金額</t>
    <rPh sb="0" eb="2">
      <t>キンガク</t>
    </rPh>
    <phoneticPr fontId="2"/>
  </si>
  <si>
    <t>支給認定基準世帯員とマイナンバー（個人番号）</t>
    <rPh sb="0" eb="9">
      <t>シキュウニンテイキジュンセタイイン</t>
    </rPh>
    <rPh sb="17" eb="21">
      <t>コジンバンゴウ</t>
    </rPh>
    <phoneticPr fontId="2"/>
  </si>
  <si>
    <t>小児慢性特定疾病</t>
    <rPh sb="0" eb="8">
      <t>ショウニマンセイトクテイシッペイ</t>
    </rPh>
    <phoneticPr fontId="2"/>
  </si>
  <si>
    <t>受給中の関連特定医療費制度</t>
    <rPh sb="0" eb="3">
      <t>ジュキュウチュウ</t>
    </rPh>
    <rPh sb="4" eb="6">
      <t>カンレン</t>
    </rPh>
    <rPh sb="6" eb="11">
      <t>トクテイイリョウヒ</t>
    </rPh>
    <rPh sb="11" eb="13">
      <t>セイド</t>
    </rPh>
    <phoneticPr fontId="2"/>
  </si>
  <si>
    <t>１月１日時点在住の市区町村名</t>
    <rPh sb="1" eb="2">
      <t>ガツ</t>
    </rPh>
    <rPh sb="3" eb="4">
      <t>ニチ</t>
    </rPh>
    <rPh sb="4" eb="6">
      <t>ジテン</t>
    </rPh>
    <rPh sb="6" eb="8">
      <t>ザイジュウ</t>
    </rPh>
    <rPh sb="9" eb="14">
      <t>シクチョウソンメイ</t>
    </rPh>
    <phoneticPr fontId="2"/>
  </si>
  <si>
    <t>支給認定基準世帯員</t>
    <rPh sb="0" eb="9">
      <t>シキュウニンテイキジュンセタイイン</t>
    </rPh>
    <phoneticPr fontId="2"/>
  </si>
  <si>
    <t>必須</t>
    <rPh sb="0" eb="2">
      <t>ヒッス</t>
    </rPh>
    <phoneticPr fontId="2"/>
  </si>
  <si>
    <t>申請にあたって提供した個人情報が、次の各目的に利用されることに同意します。
（（１）～（３）は必須項目のため〇は不要です。（４）～（６）の項目は同意しない場合のみ、右欄に〇をしてください。</t>
    <phoneticPr fontId="2"/>
  </si>
  <si>
    <t>審査の結果、診断基準を満たした場合、登録者証の発行は不要です。
登録者証は、自治体における障害福祉サービスの受給申請やハローワーク等で難病患者であることの証明が必要な時に、医師の診断書の代わりに活用することができる証明書です。</t>
    <phoneticPr fontId="2"/>
  </si>
  <si>
    <t>▼登録者証の申請を希望しない方は□にレ点を記入▼</t>
    <phoneticPr fontId="2"/>
  </si>
  <si>
    <t>患者から見た続柄</t>
    <rPh sb="0" eb="2">
      <t>カンジャ</t>
    </rPh>
    <rPh sb="4" eb="5">
      <t>ミ</t>
    </rPh>
    <rPh sb="6" eb="7">
      <t>ゾク</t>
    </rPh>
    <rPh sb="7" eb="8">
      <t>ガラ</t>
    </rPh>
    <phoneticPr fontId="2"/>
  </si>
  <si>
    <t>上記の受給者番号</t>
    <rPh sb="0" eb="2">
      <t>ジョウキ</t>
    </rPh>
    <rPh sb="3" eb="8">
      <t>ジュキュウシャバンゴウ</t>
    </rPh>
    <phoneticPr fontId="2"/>
  </si>
  <si>
    <t>※支給認定基準世帯員以外の方は記載しないでください。
どなたが支給認定基準世帯員に該当するかは、「指定難病のしおり」９ページをご覧ください。</t>
    <rPh sb="0" eb="10">
      <t>コメジルシシキュウニンテイキジュンセタイイン</t>
    </rPh>
    <rPh sb="10" eb="12">
      <t>イガイ</t>
    </rPh>
    <rPh sb="13" eb="14">
      <t>カタ</t>
    </rPh>
    <rPh sb="15" eb="17">
      <t>キサイ</t>
    </rPh>
    <rPh sb="31" eb="40">
      <t>シキュウニンテイキジュンセタイイン</t>
    </rPh>
    <rPh sb="41" eb="43">
      <t>ガイトウ</t>
    </rPh>
    <rPh sb="49" eb="53">
      <t>シテイナンビョウ</t>
    </rPh>
    <rPh sb="64" eb="65">
      <t>ラン</t>
    </rPh>
    <phoneticPr fontId="2"/>
  </si>
  <si>
    <t>事務処理欄</t>
    <rPh sb="0" eb="5">
      <t>ジムショリラン</t>
    </rPh>
    <phoneticPr fontId="2"/>
  </si>
  <si>
    <t>臨床調査個人票</t>
    <rPh sb="0" eb="7">
      <t>リンショウチョウサコジンヒョウ</t>
    </rPh>
    <phoneticPr fontId="2"/>
  </si>
  <si>
    <t>高額継続該当</t>
    <rPh sb="0" eb="2">
      <t>コウガク</t>
    </rPh>
    <rPh sb="2" eb="4">
      <t>ケイゾク</t>
    </rPh>
    <rPh sb="4" eb="6">
      <t>ガイトウ</t>
    </rPh>
    <phoneticPr fontId="2"/>
  </si>
  <si>
    <t>生活保護</t>
    <rPh sb="0" eb="4">
      <t>セイカツホゴ</t>
    </rPh>
    <phoneticPr fontId="2"/>
  </si>
  <si>
    <t>その他書類確認</t>
    <rPh sb="2" eb="3">
      <t>タ</t>
    </rPh>
    <rPh sb="3" eb="7">
      <t>ショルイカクニン</t>
    </rPh>
    <phoneticPr fontId="2"/>
  </si>
  <si>
    <t>障害年金等証明</t>
    <rPh sb="0" eb="4">
      <t>ショウガイネンキン</t>
    </rPh>
    <rPh sb="4" eb="5">
      <t>トウ</t>
    </rPh>
    <rPh sb="5" eb="7">
      <t>ショウメイ</t>
    </rPh>
    <phoneticPr fontId="2"/>
  </si>
  <si>
    <t>難病医療費証明</t>
    <rPh sb="0" eb="2">
      <t>ナンビョウ</t>
    </rPh>
    <rPh sb="2" eb="5">
      <t>イリョウヒ</t>
    </rPh>
    <rPh sb="5" eb="7">
      <t>ショウメイ</t>
    </rPh>
    <phoneticPr fontId="2"/>
  </si>
  <si>
    <t>軽症高額該当</t>
    <rPh sb="0" eb="2">
      <t>ケイショウ</t>
    </rPh>
    <rPh sb="2" eb="4">
      <t>コウガク</t>
    </rPh>
    <rPh sb="4" eb="6">
      <t>ガイトウ</t>
    </rPh>
    <phoneticPr fontId="2"/>
  </si>
  <si>
    <t>□・免除</t>
    <rPh sb="2" eb="4">
      <t>メンジョ</t>
    </rPh>
    <phoneticPr fontId="2"/>
  </si>
  <si>
    <t>CD・紙・無</t>
    <rPh sb="3" eb="4">
      <t>カミ</t>
    </rPh>
    <rPh sb="5" eb="6">
      <t>ナ</t>
    </rPh>
    <phoneticPr fontId="2"/>
  </si>
  <si>
    <t>資格確認書等</t>
    <rPh sb="0" eb="6">
      <t>シカクカクニンショトウ</t>
    </rPh>
    <phoneticPr fontId="2"/>
  </si>
  <si>
    <t>税証明</t>
    <rPh sb="0" eb="3">
      <t>ゼイショウメイ</t>
    </rPh>
    <phoneticPr fontId="2"/>
  </si>
  <si>
    <t>自己負担限度額管理票</t>
    <rPh sb="0" eb="7">
      <t>ジコフタンゲンドガク</t>
    </rPh>
    <rPh sb="7" eb="9">
      <t>カンリ</t>
    </rPh>
    <rPh sb="9" eb="10">
      <t>ヒョウ</t>
    </rPh>
    <phoneticPr fontId="2"/>
  </si>
  <si>
    <t>長期入院の申出</t>
    <rPh sb="0" eb="4">
      <t>チョウキニュウイン</t>
    </rPh>
    <rPh sb="5" eb="6">
      <t>モウ</t>
    </rPh>
    <rPh sb="6" eb="7">
      <t>デ</t>
    </rPh>
    <phoneticPr fontId="2"/>
  </si>
  <si>
    <t>その他</t>
    <rPh sb="2" eb="3">
      <t>タ</t>
    </rPh>
    <phoneticPr fontId="2"/>
  </si>
  <si>
    <t>MN確認</t>
    <rPh sb="2" eb="4">
      <t>カクニン</t>
    </rPh>
    <phoneticPr fontId="2"/>
  </si>
  <si>
    <t>MNカード・住民票・通知カード</t>
    <rPh sb="6" eb="9">
      <t>ジュウミンヒョウ</t>
    </rPh>
    <rPh sb="10" eb="12">
      <t>ツウチ</t>
    </rPh>
    <phoneticPr fontId="2"/>
  </si>
  <si>
    <t>診断日</t>
    <rPh sb="0" eb="3">
      <t>シンダンビ</t>
    </rPh>
    <phoneticPr fontId="2"/>
  </si>
  <si>
    <t>階層区分</t>
    <rPh sb="0" eb="4">
      <t>カイソウクブン</t>
    </rPh>
    <phoneticPr fontId="2"/>
  </si>
  <si>
    <t>県受理印</t>
    <rPh sb="0" eb="1">
      <t>ケン</t>
    </rPh>
    <rPh sb="1" eb="3">
      <t>ジュリ</t>
    </rPh>
    <rPh sb="3" eb="4">
      <t>イン</t>
    </rPh>
    <phoneticPr fontId="2"/>
  </si>
  <si>
    <t>保健所等受理印</t>
    <rPh sb="0" eb="3">
      <t>ホケンジョ</t>
    </rPh>
    <rPh sb="3" eb="4">
      <t>トウ</t>
    </rPh>
    <rPh sb="4" eb="6">
      <t>ジュリ</t>
    </rPh>
    <rPh sb="6" eb="7">
      <t>イン</t>
    </rPh>
    <phoneticPr fontId="2"/>
  </si>
  <si>
    <t>臨床調査個人票作成
医療機関名称</t>
    <rPh sb="0" eb="7">
      <t>リンショウチョウサコジンヒョウ</t>
    </rPh>
    <rPh sb="7" eb="9">
      <t>サクセイ</t>
    </rPh>
    <rPh sb="10" eb="14">
      <t>イリョウキカン</t>
    </rPh>
    <rPh sb="14" eb="16">
      <t>メイショウ</t>
    </rPh>
    <phoneticPr fontId="2"/>
  </si>
  <si>
    <t>臨床調査個人票の
診断日</t>
    <rPh sb="0" eb="7">
      <t>リンショウチョウサコジンヒョウ</t>
    </rPh>
    <rPh sb="9" eb="12">
      <t>シンダンビ</t>
    </rPh>
    <phoneticPr fontId="2"/>
  </si>
  <si>
    <t>（１）特定医療費の支給決定に必要な事務のため</t>
    <phoneticPr fontId="2"/>
  </si>
  <si>
    <t>（５）県保健福祉事務所及び市保健所が、難病患者・介助者を対象とした講演会等を行うにあたり案内等を発送するため</t>
    <rPh sb="3" eb="4">
      <t>ケン</t>
    </rPh>
    <rPh sb="4" eb="11">
      <t>ホケンフクシジムショ</t>
    </rPh>
    <rPh sb="11" eb="12">
      <t>オヨ</t>
    </rPh>
    <rPh sb="13" eb="14">
      <t>シ</t>
    </rPh>
    <rPh sb="14" eb="17">
      <t>ホケンジョ</t>
    </rPh>
    <rPh sb="19" eb="21">
      <t>ナンビョウ</t>
    </rPh>
    <rPh sb="21" eb="23">
      <t>カンジャ</t>
    </rPh>
    <rPh sb="24" eb="27">
      <t>カイジョシャ</t>
    </rPh>
    <rPh sb="28" eb="30">
      <t>タイショウ</t>
    </rPh>
    <rPh sb="33" eb="36">
      <t>コウエンカイ</t>
    </rPh>
    <rPh sb="36" eb="37">
      <t>トウ</t>
    </rPh>
    <rPh sb="38" eb="39">
      <t>オコナ</t>
    </rPh>
    <rPh sb="44" eb="46">
      <t>アンナイ</t>
    </rPh>
    <rPh sb="46" eb="47">
      <t>トウ</t>
    </rPh>
    <rPh sb="48" eb="50">
      <t>ハッソウ</t>
    </rPh>
    <phoneticPr fontId="2"/>
  </si>
  <si>
    <t>（２）医療保険の保険者に対して、所得区分に関する情報を求めること及び情報を提供すること（医療保険加入者のみ）</t>
    <phoneticPr fontId="2"/>
  </si>
  <si>
    <t>（３）国家公務員共済組合又は地方公務員共済組合が、高額療養費の支給の請求に係る事実についての審査に関する事務を処理するために限って患者及び支給認定基準世帯員の必要な地方税関係情報について取得すること（共済組合員のみ）</t>
    <phoneticPr fontId="2"/>
  </si>
  <si>
    <t>（４）「指定難病のしおり」15ページ&lt;本同意書に関する説明&gt;のとおり、臨床調査個人票を指定難病に関する創薬の研究開発等に利用するため。</t>
    <rPh sb="4" eb="8">
      <t>シテイナンビョウ</t>
    </rPh>
    <rPh sb="19" eb="20">
      <t>ホン</t>
    </rPh>
    <rPh sb="20" eb="23">
      <t>ドウイショ</t>
    </rPh>
    <rPh sb="24" eb="25">
      <t>カン</t>
    </rPh>
    <rPh sb="27" eb="29">
      <t>セツメイ</t>
    </rPh>
    <rPh sb="35" eb="42">
      <t>リンショウチョウサコジンヒョウ</t>
    </rPh>
    <rPh sb="43" eb="47">
      <t>シテイナンビョウ</t>
    </rPh>
    <rPh sb="48" eb="49">
      <t>カン</t>
    </rPh>
    <rPh sb="51" eb="53">
      <t>ソウヤク</t>
    </rPh>
    <rPh sb="54" eb="59">
      <t>ケンキュウカイハツトウ</t>
    </rPh>
    <rPh sb="60" eb="62">
      <t>リヨウ</t>
    </rPh>
    <phoneticPr fontId="2"/>
  </si>
  <si>
    <t>（６）県保健福祉事務所及び市保健所が、難病患者・介助者を対象とした講演会等を行うにあたり案内等を送付するため</t>
    <rPh sb="3" eb="4">
      <t>ケン</t>
    </rPh>
    <rPh sb="4" eb="6">
      <t>ホケン</t>
    </rPh>
    <rPh sb="6" eb="8">
      <t>フクシ</t>
    </rPh>
    <rPh sb="8" eb="10">
      <t>ジム</t>
    </rPh>
    <rPh sb="10" eb="11">
      <t>ショ</t>
    </rPh>
    <rPh sb="11" eb="12">
      <t>オヨ</t>
    </rPh>
    <rPh sb="13" eb="14">
      <t>シ</t>
    </rPh>
    <rPh sb="14" eb="17">
      <t>ホケンジョ</t>
    </rPh>
    <rPh sb="19" eb="21">
      <t>ナンビョウ</t>
    </rPh>
    <rPh sb="21" eb="23">
      <t>カンジャ</t>
    </rPh>
    <rPh sb="24" eb="27">
      <t>カイジョシャ</t>
    </rPh>
    <rPh sb="28" eb="30">
      <t>タイショウ</t>
    </rPh>
    <rPh sb="33" eb="36">
      <t>コウエンカイ</t>
    </rPh>
    <rPh sb="36" eb="37">
      <t>トウ</t>
    </rPh>
    <rPh sb="38" eb="39">
      <t>オコナ</t>
    </rPh>
    <rPh sb="44" eb="47">
      <t>アンナイナド</t>
    </rPh>
    <rPh sb="48" eb="50">
      <t>ソウフ</t>
    </rPh>
    <phoneticPr fontId="2"/>
  </si>
  <si>
    <t>私（患者）は、特定医療費の支給を申請します。</t>
    <phoneticPr fontId="2"/>
  </si>
  <si>
    <t>神奈川県知事殿</t>
    <phoneticPr fontId="2"/>
  </si>
  <si>
    <t>＜委任状欄＞患者以外の方（任意代理人の方）が申請する場合に記入してください。</t>
    <phoneticPr fontId="2"/>
  </si>
  <si>
    <t>私（患者）は、次の者を代理人と定め、特定医療費の支給申請手続きを委任します。</t>
    <phoneticPr fontId="2"/>
  </si>
  <si>
    <t>本人控え　特定医療費支給認定申請書（新規・転入用）</t>
    <rPh sb="0" eb="2">
      <t>ホンニン</t>
    </rPh>
    <rPh sb="2" eb="3">
      <t>ヒカ</t>
    </rPh>
    <rPh sb="5" eb="10">
      <t>トクテイイリョウヒ</t>
    </rPh>
    <rPh sb="10" eb="14">
      <t>シキュウニンテイ</t>
    </rPh>
    <rPh sb="14" eb="17">
      <t>シンセイショ</t>
    </rPh>
    <rPh sb="18" eb="20">
      <t>シンキ</t>
    </rPh>
    <rPh sb="21" eb="23">
      <t>テンニュウ</t>
    </rPh>
    <rPh sb="23" eb="24">
      <t>ヨウ</t>
    </rPh>
    <phoneticPr fontId="2"/>
  </si>
  <si>
    <t>患者氏名</t>
    <rPh sb="0" eb="2">
      <t>カンジャ</t>
    </rPh>
    <rPh sb="2" eb="4">
      <t>シメイ</t>
    </rPh>
    <phoneticPr fontId="2"/>
  </si>
  <si>
    <t>フリガナ　　　　　　　　　　</t>
    <phoneticPr fontId="2"/>
  </si>
  <si>
    <t>令和　</t>
    <rPh sb="0" eb="2">
      <t>レイワ</t>
    </rPh>
    <phoneticPr fontId="2"/>
  </si>
  <si>
    <t>月</t>
    <rPh sb="0" eb="1">
      <t>ツキ</t>
    </rPh>
    <phoneticPr fontId="2"/>
  </si>
  <si>
    <t>フリガナ　　　　　　　　</t>
    <phoneticPr fontId="2"/>
  </si>
  <si>
    <t>代理人氏名</t>
    <rPh sb="0" eb="3">
      <t>ダイリニン</t>
    </rPh>
    <rPh sb="3" eb="5">
      <t>シメイ</t>
    </rPh>
    <phoneticPr fontId="2"/>
  </si>
  <si>
    <t>必須</t>
    <rPh sb="0" eb="2">
      <t>ひっす</t>
    </rPh>
    <phoneticPr fontId="2" type="Hiragana"/>
  </si>
  <si>
    <t>続柄</t>
    <rPh sb="0" eb="1">
      <t>ツヅ</t>
    </rPh>
    <rPh sb="1" eb="2">
      <t>ガラ</t>
    </rPh>
    <phoneticPr fontId="2"/>
  </si>
  <si>
    <t>日</t>
    <rPh sb="0" eb="1">
      <t>ヒ</t>
    </rPh>
    <phoneticPr fontId="2"/>
  </si>
  <si>
    <r>
      <rPr>
        <b/>
        <u/>
        <sz val="10"/>
        <color theme="1"/>
        <rFont val="ＭＳ 明朝"/>
        <family val="1"/>
        <charset val="128"/>
      </rPr>
      <t>個人情報の利用に関する同意</t>
    </r>
    <r>
      <rPr>
        <sz val="10"/>
        <color theme="1"/>
        <rFont val="ＭＳ 明朝"/>
        <family val="1"/>
        <charset val="128"/>
      </rPr>
      <t xml:space="preserve">
（個別避難計画の作成等、法に基づく情報提供の依頼があった場合は同意の有無によらず情報提供を行います。）</t>
    </r>
    <phoneticPr fontId="2"/>
  </si>
  <si>
    <t>記号・番号
被保険者番号</t>
    <rPh sb="0" eb="2">
      <t>キゴウ</t>
    </rPh>
    <rPh sb="3" eb="5">
      <t>バンゴウ</t>
    </rPh>
    <rPh sb="6" eb="10">
      <t>ヒホケンシャ</t>
    </rPh>
    <rPh sb="10" eb="12">
      <t>バンゴウ</t>
    </rPh>
    <phoneticPr fontId="2"/>
  </si>
  <si>
    <r>
      <t>患者や支給認定基準世帯員に</t>
    </r>
    <r>
      <rPr>
        <b/>
        <u/>
        <sz val="11"/>
        <color theme="1"/>
        <rFont val="ＭＳ 明朝"/>
        <family val="1"/>
        <charset val="128"/>
      </rPr>
      <t>指定難病や小児慢性特定疾病の受給者がいる</t>
    </r>
    <r>
      <rPr>
        <sz val="11"/>
        <color theme="1"/>
        <rFont val="ＭＳ 明朝"/>
        <family val="1"/>
        <charset val="128"/>
      </rPr>
      <t>場合は、該当するものに〇をつけ、受給者番号を記入してください。
市区町村欄には、次に該当する市区町村（市町村民税の課税地）を記入してください。
・１～６月に申請する方　申請する日の前年１月１日に居住していた市区町村
・７～12月に申請する方　申請する年の１月１日に居住していた市区町村
患者本人のマイナンバーを確認できる資料の提出、または、保健所窓口でも番号及び本人確認が必要です。</t>
    </r>
    <rPh sb="0" eb="2">
      <t>カンジャ</t>
    </rPh>
    <rPh sb="3" eb="12">
      <t>シキュウニンテイキジュンセタイイン</t>
    </rPh>
    <rPh sb="13" eb="17">
      <t>シテイナンビョウ</t>
    </rPh>
    <rPh sb="18" eb="26">
      <t>ショウニマンセイトクテイシッペイ</t>
    </rPh>
    <rPh sb="27" eb="30">
      <t>ジュキュウシャ</t>
    </rPh>
    <rPh sb="33" eb="35">
      <t>バアイ</t>
    </rPh>
    <rPh sb="37" eb="39">
      <t>ガイトウ</t>
    </rPh>
    <rPh sb="49" eb="54">
      <t>ジュキュウシャバンゴウ</t>
    </rPh>
    <rPh sb="55" eb="57">
      <t>キニュウ</t>
    </rPh>
    <rPh sb="65" eb="70">
      <t>シクチョウソンラン</t>
    </rPh>
    <rPh sb="73" eb="74">
      <t>ツギ</t>
    </rPh>
    <rPh sb="75" eb="77">
      <t>ガイトウ</t>
    </rPh>
    <rPh sb="79" eb="83">
      <t>シクチョウソン</t>
    </rPh>
    <rPh sb="84" eb="89">
      <t>シチョウソンミンゼイ</t>
    </rPh>
    <rPh sb="90" eb="93">
      <t>カゼイチ</t>
    </rPh>
    <rPh sb="95" eb="97">
      <t>キニュウ</t>
    </rPh>
    <rPh sb="109" eb="110">
      <t>ガツ</t>
    </rPh>
    <rPh sb="111" eb="113">
      <t>シンセイ</t>
    </rPh>
    <rPh sb="115" eb="116">
      <t>カタ</t>
    </rPh>
    <rPh sb="117" eb="119">
      <t>シンセイ</t>
    </rPh>
    <rPh sb="121" eb="122">
      <t>ヒ</t>
    </rPh>
    <rPh sb="123" eb="125">
      <t>ゼンネン</t>
    </rPh>
    <rPh sb="126" eb="127">
      <t>ガツ</t>
    </rPh>
    <rPh sb="128" eb="129">
      <t>ニチ</t>
    </rPh>
    <rPh sb="130" eb="132">
      <t>キョジュウ</t>
    </rPh>
    <rPh sb="136" eb="140">
      <t>シクチョウソン</t>
    </rPh>
    <rPh sb="146" eb="147">
      <t>ガツ</t>
    </rPh>
    <rPh sb="148" eb="150">
      <t>シンセイ</t>
    </rPh>
    <rPh sb="152" eb="153">
      <t>カタ</t>
    </rPh>
    <rPh sb="154" eb="156">
      <t>シンセイ</t>
    </rPh>
    <rPh sb="158" eb="159">
      <t>トシ</t>
    </rPh>
    <rPh sb="161" eb="162">
      <t>ガツ</t>
    </rPh>
    <rPh sb="163" eb="164">
      <t>ニチ</t>
    </rPh>
    <rPh sb="165" eb="167">
      <t>キョジュウ</t>
    </rPh>
    <rPh sb="171" eb="175">
      <t>シクチョウソン</t>
    </rPh>
    <rPh sb="176" eb="178">
      <t>カンジャ</t>
    </rPh>
    <rPh sb="178" eb="180">
      <t>ホンニン</t>
    </rPh>
    <rPh sb="188" eb="190">
      <t>カクニン</t>
    </rPh>
    <rPh sb="193" eb="195">
      <t>シリョウ</t>
    </rPh>
    <rPh sb="196" eb="198">
      <t>テイシュツ</t>
    </rPh>
    <rPh sb="203" eb="206">
      <t>ホケンジョ</t>
    </rPh>
    <rPh sb="206" eb="208">
      <t>マドグチ</t>
    </rPh>
    <rPh sb="210" eb="212">
      <t>バンゴウ</t>
    </rPh>
    <rPh sb="212" eb="213">
      <t>オヨ</t>
    </rPh>
    <rPh sb="214" eb="218">
      <t>ホンニンカクニン</t>
    </rPh>
    <rPh sb="219" eb="221">
      <t>ヒツヨウ</t>
    </rPh>
    <phoneticPr fontId="2"/>
  </si>
  <si>
    <t>保健所控え　特定医療費支給認定申請書（新規・転入用）</t>
    <rPh sb="0" eb="4">
      <t>ホケンジョヒカ</t>
    </rPh>
    <rPh sb="6" eb="11">
      <t>トクテイイリョウヒ</t>
    </rPh>
    <rPh sb="11" eb="15">
      <t>シキュウニンテイ</t>
    </rPh>
    <rPh sb="15" eb="18">
      <t>シンセイショ</t>
    </rPh>
    <rPh sb="19" eb="21">
      <t>シンキ</t>
    </rPh>
    <rPh sb="22" eb="24">
      <t>テンニュウ</t>
    </rPh>
    <rPh sb="24" eb="25">
      <t>ヨウ</t>
    </rPh>
    <phoneticPr fontId="2"/>
  </si>
  <si>
    <t>MNカード・免許証・　パスポート・その他</t>
    <rPh sb="6" eb="9">
      <t>メンキョショウ</t>
    </rPh>
    <rPh sb="19" eb="20">
      <t>タ</t>
    </rPh>
    <phoneticPr fontId="2"/>
  </si>
  <si>
    <t>難病・
小慢証明</t>
    <rPh sb="0" eb="2">
      <t>ナンビョウ</t>
    </rPh>
    <rPh sb="4" eb="5">
      <t>ショウ</t>
    </rPh>
    <rPh sb="5" eb="6">
      <t>マン</t>
    </rPh>
    <rPh sb="6" eb="8">
      <t>ショウメイ</t>
    </rPh>
    <phoneticPr fontId="2"/>
  </si>
  <si>
    <t>該当者
のみ</t>
    <rPh sb="0" eb="3">
      <t>ガイトウシャ</t>
    </rPh>
    <phoneticPr fontId="2"/>
  </si>
  <si>
    <t>全員
確認</t>
    <rPh sb="0" eb="2">
      <t>ゼンイン</t>
    </rPh>
    <rPh sb="3" eb="5">
      <t>カクニン</t>
    </rPh>
    <phoneticPr fontId="2"/>
  </si>
  <si>
    <t>※有効期間開始日は、重症度分類を満たしていると指定医が診断した日まで遡ることができるようになりました。
医師が認定を受けられると診断した日を入力してください。
また、診断された日から申請までに時間を要したことに理由がある場合には、該当するものを選んでください。</t>
    <rPh sb="1" eb="5">
      <t>ゆうこうきかん</t>
    </rPh>
    <rPh sb="5" eb="8">
      <t>かいしび</t>
    </rPh>
    <rPh sb="10" eb="13">
      <t>じゅうしょうど</t>
    </rPh>
    <rPh sb="13" eb="15">
      <t>ぶんるい</t>
    </rPh>
    <rPh sb="16" eb="17">
      <t>み</t>
    </rPh>
    <rPh sb="23" eb="26">
      <t>していい</t>
    </rPh>
    <rPh sb="27" eb="29">
      <t>しんだん</t>
    </rPh>
    <rPh sb="31" eb="32">
      <t>ひ</t>
    </rPh>
    <rPh sb="34" eb="35">
      <t>さかのぼ</t>
    </rPh>
    <rPh sb="52" eb="54">
      <t>いし</t>
    </rPh>
    <rPh sb="55" eb="57">
      <t>にんてい</t>
    </rPh>
    <rPh sb="58" eb="59">
      <t>う</t>
    </rPh>
    <rPh sb="64" eb="66">
      <t>しんだん</t>
    </rPh>
    <rPh sb="68" eb="69">
      <t>ひ</t>
    </rPh>
    <rPh sb="70" eb="72">
      <t>にゅうりょく</t>
    </rPh>
    <rPh sb="83" eb="85">
      <t>しんだん</t>
    </rPh>
    <rPh sb="88" eb="89">
      <t>ひ</t>
    </rPh>
    <rPh sb="91" eb="93">
      <t>しんせい</t>
    </rPh>
    <rPh sb="96" eb="98">
      <t>じかん</t>
    </rPh>
    <rPh sb="99" eb="100">
      <t>よう</t>
    </rPh>
    <rPh sb="105" eb="107">
      <t>りゆう</t>
    </rPh>
    <rPh sb="110" eb="112">
      <t>ばあい</t>
    </rPh>
    <rPh sb="115" eb="117">
      <t>がいとう</t>
    </rPh>
    <rPh sb="122" eb="123">
      <t>えら</t>
    </rPh>
    <phoneticPr fontId="2" type="Hiragana"/>
  </si>
  <si>
    <r>
      <t>　</t>
    </r>
    <r>
      <rPr>
        <b/>
        <sz val="10"/>
        <color theme="1"/>
        <rFont val="ＭＳ 明朝"/>
        <family val="1"/>
        <charset val="128"/>
      </rPr>
      <t>　患者さんが申請時点で</t>
    </r>
    <r>
      <rPr>
        <b/>
        <u/>
        <sz val="10"/>
        <color theme="1"/>
        <rFont val="ＭＳ 明朝"/>
        <family val="1"/>
        <charset val="128"/>
      </rPr>
      <t>18歳未満の場合や</t>
    </r>
    <r>
      <rPr>
        <b/>
        <sz val="10"/>
        <color theme="1"/>
        <rFont val="ＭＳ 明朝"/>
        <family val="1"/>
        <charset val="128"/>
      </rPr>
      <t>、</t>
    </r>
    <r>
      <rPr>
        <b/>
        <u/>
        <sz val="10"/>
        <color theme="1"/>
        <rFont val="ＭＳ 明朝"/>
        <family val="1"/>
        <charset val="128"/>
      </rPr>
      <t>患者さんの居住地とは別の場所を、今後の書類の送付先に指定する場合</t>
    </r>
    <r>
      <rPr>
        <b/>
        <sz val="10"/>
        <color theme="1"/>
        <rFont val="ＭＳ 明朝"/>
        <family val="1"/>
        <charset val="128"/>
      </rPr>
      <t>に入力してください。</t>
    </r>
    <rPh sb="2" eb="4">
      <t>かんじゃ</t>
    </rPh>
    <rPh sb="7" eb="9">
      <t>しんせい</t>
    </rPh>
    <rPh sb="9" eb="11">
      <t>じてん</t>
    </rPh>
    <rPh sb="14" eb="15">
      <t>さい</t>
    </rPh>
    <rPh sb="15" eb="17">
      <t>みまん</t>
    </rPh>
    <rPh sb="18" eb="20">
      <t>ばあい</t>
    </rPh>
    <rPh sb="22" eb="24">
      <t>かんじゃ</t>
    </rPh>
    <rPh sb="27" eb="30">
      <t>きょじゅうち</t>
    </rPh>
    <rPh sb="32" eb="33">
      <t>べつ</t>
    </rPh>
    <rPh sb="34" eb="36">
      <t>ばしょ</t>
    </rPh>
    <rPh sb="38" eb="40">
      <t>こんご</t>
    </rPh>
    <rPh sb="41" eb="43">
      <t>しょるい</t>
    </rPh>
    <rPh sb="44" eb="46">
      <t>そうふ</t>
    </rPh>
    <rPh sb="46" eb="47">
      <t>さき</t>
    </rPh>
    <rPh sb="48" eb="50">
      <t>してい</t>
    </rPh>
    <phoneticPr fontId="2" type="Hiragana"/>
  </si>
  <si>
    <t>　※患者さんが18歳未満の方は保護者の氏名や送付先を入力してください。</t>
    <rPh sb="2" eb="4">
      <t>かんじゃ</t>
    </rPh>
    <rPh sb="9" eb="10">
      <t>さい</t>
    </rPh>
    <rPh sb="10" eb="12">
      <t>みまん</t>
    </rPh>
    <rPh sb="13" eb="14">
      <t>かた</t>
    </rPh>
    <rPh sb="15" eb="18">
      <t>ほごしゃ</t>
    </rPh>
    <rPh sb="19" eb="21">
      <t>しめい</t>
    </rPh>
    <rPh sb="22" eb="25">
      <t>そうふさき</t>
    </rPh>
    <rPh sb="26" eb="28">
      <t>にゅうりょく</t>
    </rPh>
    <phoneticPr fontId="2" type="Hiragana"/>
  </si>
  <si>
    <t xml:space="preserve">　※該当するものは「はい」を選択してください。
　入力がない場合、特例は認定されません。特例制度の詳細は、「指定難病のしおり」13,14ページをご確認ください。
</t>
    <rPh sb="2" eb="4">
      <t>がいとう</t>
    </rPh>
    <rPh sb="14" eb="16">
      <t>せんたく</t>
    </rPh>
    <rPh sb="25" eb="27">
      <t>にゅうりょく</t>
    </rPh>
    <rPh sb="44" eb="46">
      <t>とくれい</t>
    </rPh>
    <rPh sb="46" eb="48">
      <t>せいど</t>
    </rPh>
    <rPh sb="49" eb="51">
      <t>しょうさい</t>
    </rPh>
    <rPh sb="54" eb="58">
      <t>していなんびょう</t>
    </rPh>
    <rPh sb="73" eb="75">
      <t>かくにん</t>
    </rPh>
    <phoneticPr fontId="2" type="Hiragana"/>
  </si>
  <si>
    <t>　※申請を希望しない場合のみ入力してください。</t>
    <rPh sb="2" eb="4">
      <t>しんせい</t>
    </rPh>
    <rPh sb="5" eb="7">
      <t>きぼう</t>
    </rPh>
    <rPh sb="10" eb="12">
      <t>ばあい</t>
    </rPh>
    <rPh sb="14" eb="16">
      <t>にゅうりょく</t>
    </rPh>
    <phoneticPr fontId="2" type="Hiragana"/>
  </si>
  <si>
    <t>　※（１）～（３）は必須項目のため、入力は不要です。（４）～（６）の項目は同意しない場合のみ、入力してください。</t>
    <phoneticPr fontId="2" type="Hiragana"/>
  </si>
  <si>
    <t>添付書類</t>
    <rPh sb="0" eb="2">
      <t>テンプ</t>
    </rPh>
    <rPh sb="2" eb="4">
      <t>ショルイ</t>
    </rPh>
    <phoneticPr fontId="2"/>
  </si>
  <si>
    <t>人工呼吸器
装着</t>
    <rPh sb="0" eb="5">
      <t>ジンコウコキュウキ</t>
    </rPh>
    <rPh sb="6" eb="8">
      <t>ソウチャ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Red]\(0\)"/>
    <numFmt numFmtId="177" formatCode="#,##0&quot;円&quot;"/>
  </numFmts>
  <fonts count="43" x14ac:knownFonts="1">
    <font>
      <sz val="12"/>
      <color theme="1"/>
      <name val="ＭＳ 明朝"/>
      <family val="2"/>
      <charset val="128"/>
    </font>
    <font>
      <sz val="10"/>
      <color theme="1"/>
      <name val="ＭＳ 明朝"/>
      <family val="2"/>
      <charset val="128"/>
    </font>
    <font>
      <sz val="6"/>
      <name val="ＭＳ 明朝"/>
      <family val="2"/>
      <charset val="128"/>
    </font>
    <font>
      <sz val="10"/>
      <color theme="1"/>
      <name val="ＭＳ 明朝"/>
      <family val="1"/>
      <charset val="128"/>
    </font>
    <font>
      <sz val="10"/>
      <color theme="1"/>
      <name val="HG丸ｺﾞｼｯｸM-PRO"/>
      <family val="3"/>
      <charset val="128"/>
    </font>
    <font>
      <sz val="8"/>
      <color theme="1"/>
      <name val="ＭＳ 明朝"/>
      <family val="2"/>
      <charset val="128"/>
    </font>
    <font>
      <sz val="9"/>
      <color theme="1"/>
      <name val="ＭＳ 明朝"/>
      <family val="2"/>
      <charset val="128"/>
    </font>
    <font>
      <sz val="12"/>
      <color theme="1"/>
      <name val="ＭＳ 明朝"/>
      <family val="1"/>
      <charset val="128"/>
    </font>
    <font>
      <sz val="11"/>
      <color theme="1"/>
      <name val="ＭＳ 明朝"/>
      <family val="1"/>
      <charset val="128"/>
    </font>
    <font>
      <sz val="10"/>
      <color theme="0"/>
      <name val="ＭＳ 明朝"/>
      <family val="2"/>
      <charset val="128"/>
    </font>
    <font>
      <sz val="12"/>
      <color theme="1"/>
      <name val="HG丸ｺﾞｼｯｸM-PRO"/>
      <family val="3"/>
      <charset val="128"/>
    </font>
    <font>
      <sz val="10"/>
      <color theme="0"/>
      <name val="ＭＳ 明朝"/>
      <family val="1"/>
      <charset val="128"/>
    </font>
    <font>
      <sz val="12"/>
      <color theme="0"/>
      <name val="ＭＳ 明朝"/>
      <family val="1"/>
      <charset val="128"/>
    </font>
    <font>
      <sz val="11"/>
      <color theme="1"/>
      <name val="ＭＳ 明朝"/>
      <family val="2"/>
      <charset val="128"/>
    </font>
    <font>
      <sz val="10"/>
      <name val="ＭＳ 明朝"/>
      <family val="2"/>
      <charset val="128"/>
    </font>
    <font>
      <sz val="10"/>
      <name val="ＭＳ 明朝"/>
      <family val="1"/>
      <charset val="128"/>
    </font>
    <font>
      <sz val="11"/>
      <color theme="1"/>
      <name val="ＭＳ Ｐゴシック"/>
      <family val="3"/>
      <charset val="128"/>
    </font>
    <font>
      <sz val="9"/>
      <color theme="1"/>
      <name val="ＭＳ 明朝"/>
      <family val="1"/>
      <charset val="128"/>
    </font>
    <font>
      <b/>
      <sz val="10"/>
      <color theme="1"/>
      <name val="ＭＳ 明朝"/>
      <family val="1"/>
      <charset val="128"/>
    </font>
    <font>
      <sz val="16"/>
      <color theme="1"/>
      <name val="ＭＳ 明朝"/>
      <family val="1"/>
      <charset val="128"/>
    </font>
    <font>
      <b/>
      <sz val="14"/>
      <color theme="1"/>
      <name val="ＭＳ 明朝"/>
      <family val="1"/>
      <charset val="128"/>
    </font>
    <font>
      <b/>
      <u/>
      <sz val="10"/>
      <color theme="1"/>
      <name val="ＭＳ 明朝"/>
      <family val="1"/>
      <charset val="128"/>
    </font>
    <font>
      <sz val="12"/>
      <name val="ＭＳ 明朝"/>
      <family val="1"/>
      <charset val="128"/>
    </font>
    <font>
      <u/>
      <sz val="10"/>
      <color theme="1"/>
      <name val="ＭＳ 明朝"/>
      <family val="1"/>
      <charset val="128"/>
    </font>
    <font>
      <sz val="12"/>
      <name val="ＭＳ 明朝"/>
      <family val="2"/>
      <charset val="128"/>
    </font>
    <font>
      <b/>
      <sz val="11"/>
      <color theme="1"/>
      <name val="ＭＳ ゴシック"/>
      <family val="3"/>
      <charset val="128"/>
    </font>
    <font>
      <sz val="11"/>
      <color theme="1"/>
      <name val="ＭＳ ゴシック"/>
      <family val="3"/>
      <charset val="128"/>
    </font>
    <font>
      <sz val="11"/>
      <name val="ＭＳ 明朝"/>
      <family val="1"/>
      <charset val="128"/>
    </font>
    <font>
      <b/>
      <u/>
      <sz val="11"/>
      <color theme="1"/>
      <name val="ＭＳ ゴシック"/>
      <family val="3"/>
      <charset val="128"/>
    </font>
    <font>
      <sz val="10"/>
      <color theme="1"/>
      <name val="ＭＳ ゴシック"/>
      <family val="3"/>
      <charset val="128"/>
    </font>
    <font>
      <sz val="10"/>
      <color theme="1" tint="0.34998626667073579"/>
      <name val="ＭＳ 明朝"/>
      <family val="2"/>
      <charset val="128"/>
    </font>
    <font>
      <sz val="10"/>
      <color theme="1"/>
      <name val="HGP創英角ｺﾞｼｯｸUB"/>
      <family val="3"/>
      <charset val="128"/>
    </font>
    <font>
      <u/>
      <sz val="10"/>
      <color theme="1"/>
      <name val="HGP創英角ｺﾞｼｯｸUB"/>
      <family val="3"/>
      <charset val="128"/>
    </font>
    <font>
      <b/>
      <sz val="11"/>
      <color theme="1"/>
      <name val="ＭＳ 明朝"/>
      <family val="1"/>
      <charset val="128"/>
    </font>
    <font>
      <sz val="6"/>
      <color theme="1"/>
      <name val="ＭＳ 明朝"/>
      <family val="1"/>
      <charset val="128"/>
    </font>
    <font>
      <u/>
      <sz val="11"/>
      <color theme="1"/>
      <name val="ＭＳ 明朝"/>
      <family val="1"/>
      <charset val="128"/>
    </font>
    <font>
      <u/>
      <sz val="11"/>
      <name val="ＭＳ 明朝"/>
      <family val="1"/>
      <charset val="128"/>
    </font>
    <font>
      <u/>
      <sz val="11"/>
      <color theme="0"/>
      <name val="ＭＳ 明朝"/>
      <family val="1"/>
      <charset val="128"/>
    </font>
    <font>
      <b/>
      <u/>
      <sz val="11"/>
      <name val="ＭＳ ゴシック"/>
      <family val="3"/>
      <charset val="128"/>
    </font>
    <font>
      <b/>
      <u/>
      <sz val="11"/>
      <color theme="0"/>
      <name val="ＭＳ ゴシック"/>
      <family val="3"/>
      <charset val="128"/>
    </font>
    <font>
      <sz val="14"/>
      <color theme="1"/>
      <name val="ＭＳ 明朝"/>
      <family val="1"/>
      <charset val="128"/>
    </font>
    <font>
      <b/>
      <sz val="12"/>
      <color theme="1"/>
      <name val="ＭＳ 明朝"/>
      <family val="1"/>
      <charset val="128"/>
    </font>
    <font>
      <b/>
      <u/>
      <sz val="11"/>
      <color theme="1"/>
      <name val="ＭＳ 明朝"/>
      <family val="1"/>
      <charset val="128"/>
    </font>
  </fonts>
  <fills count="9">
    <fill>
      <patternFill patternType="none"/>
    </fill>
    <fill>
      <patternFill patternType="gray125"/>
    </fill>
    <fill>
      <patternFill patternType="solid">
        <fgColor rgb="FFFFCCFF"/>
        <bgColor indexed="64"/>
      </patternFill>
    </fill>
    <fill>
      <patternFill patternType="solid">
        <fgColor rgb="FFFFFF99"/>
        <bgColor indexed="64"/>
      </patternFill>
    </fill>
    <fill>
      <patternFill patternType="solid">
        <fgColor theme="4" tint="0.79998168889431442"/>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0.249977111117893"/>
        <bgColor indexed="64"/>
      </patternFill>
    </fill>
    <fill>
      <patternFill patternType="solid">
        <fgColor theme="1" tint="4.9989318521683403E-2"/>
        <bgColor indexed="64"/>
      </patternFill>
    </fill>
  </fills>
  <borders count="137">
    <border>
      <left/>
      <right/>
      <top/>
      <bottom/>
      <diagonal/>
    </border>
    <border>
      <left/>
      <right/>
      <top/>
      <bottom style="thin">
        <color indexed="64"/>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bottom style="medium">
        <color rgb="FFFF0000"/>
      </bottom>
      <diagonal/>
    </border>
    <border>
      <left/>
      <right style="medium">
        <color indexed="64"/>
      </right>
      <top style="thin">
        <color indexed="64"/>
      </top>
      <bottom/>
      <diagonal/>
    </border>
    <border>
      <left/>
      <right/>
      <top/>
      <bottom style="thick">
        <color rgb="FFFF0000"/>
      </bottom>
      <diagonal/>
    </border>
    <border>
      <left style="thin">
        <color indexed="64"/>
      </left>
      <right style="medium">
        <color indexed="64"/>
      </right>
      <top style="thin">
        <color indexed="64"/>
      </top>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right/>
      <top style="thick">
        <color rgb="FFFF0000"/>
      </top>
      <bottom/>
      <diagonal/>
    </border>
    <border>
      <left/>
      <right style="medium">
        <color theme="1"/>
      </right>
      <top/>
      <bottom/>
      <diagonal/>
    </border>
    <border>
      <left style="medium">
        <color theme="1"/>
      </left>
      <right/>
      <top/>
      <bottom/>
      <diagonal/>
    </border>
    <border>
      <left/>
      <right/>
      <top style="medium">
        <color theme="1"/>
      </top>
      <bottom/>
      <diagonal/>
    </border>
    <border>
      <left/>
      <right/>
      <top/>
      <bottom style="medium">
        <color theme="1"/>
      </bottom>
      <diagonal/>
    </border>
    <border>
      <left style="medium">
        <color theme="1"/>
      </left>
      <right style="thin">
        <color indexed="64"/>
      </right>
      <top style="medium">
        <color indexed="64"/>
      </top>
      <bottom/>
      <diagonal/>
    </border>
    <border>
      <left style="medium">
        <color theme="1"/>
      </left>
      <right style="thin">
        <color indexed="64"/>
      </right>
      <top/>
      <bottom/>
      <diagonal/>
    </border>
    <border>
      <left style="medium">
        <color theme="1"/>
      </left>
      <right style="thin">
        <color indexed="64"/>
      </right>
      <top/>
      <bottom style="medium">
        <color theme="1"/>
      </bottom>
      <diagonal/>
    </border>
    <border>
      <left style="thin">
        <color indexed="64"/>
      </left>
      <right style="thin">
        <color indexed="64"/>
      </right>
      <top style="thin">
        <color indexed="64"/>
      </top>
      <bottom style="thin">
        <color theme="1"/>
      </bottom>
      <diagonal/>
    </border>
    <border>
      <left style="thin">
        <color indexed="64"/>
      </left>
      <right style="thin">
        <color theme="1"/>
      </right>
      <top style="thin">
        <color indexed="64"/>
      </top>
      <bottom style="medium">
        <color theme="1"/>
      </bottom>
      <diagonal/>
    </border>
    <border>
      <left style="thin">
        <color indexed="64"/>
      </left>
      <right style="thin">
        <color indexed="64"/>
      </right>
      <top style="thin">
        <color indexed="64"/>
      </top>
      <bottom style="medium">
        <color theme="1"/>
      </bottom>
      <diagonal/>
    </border>
    <border>
      <left style="thin">
        <color theme="1"/>
      </left>
      <right/>
      <top style="thin">
        <color theme="1"/>
      </top>
      <bottom style="medium">
        <color theme="1"/>
      </bottom>
      <diagonal/>
    </border>
    <border>
      <left/>
      <right/>
      <top style="thin">
        <color theme="1"/>
      </top>
      <bottom style="medium">
        <color theme="1"/>
      </bottom>
      <diagonal/>
    </border>
    <border>
      <left/>
      <right style="medium">
        <color theme="1"/>
      </right>
      <top style="thin">
        <color theme="1"/>
      </top>
      <bottom style="medium">
        <color theme="1"/>
      </bottom>
      <diagonal/>
    </border>
    <border>
      <left style="medium">
        <color theme="1"/>
      </left>
      <right/>
      <top/>
      <bottom style="thick">
        <color rgb="FFFF0000"/>
      </bottom>
      <diagonal/>
    </border>
    <border>
      <left/>
      <right/>
      <top style="medium">
        <color theme="1"/>
      </top>
      <bottom style="thick">
        <color rgb="FFFF0000"/>
      </bottom>
      <diagonal/>
    </border>
    <border>
      <left style="medium">
        <color indexed="64"/>
      </left>
      <right/>
      <top style="medium">
        <color theme="1"/>
      </top>
      <bottom/>
      <diagonal/>
    </border>
    <border>
      <left style="thin">
        <color indexed="64"/>
      </left>
      <right style="medium">
        <color indexed="64"/>
      </right>
      <top style="medium">
        <color theme="1"/>
      </top>
      <bottom style="thin">
        <color indexed="64"/>
      </bottom>
      <diagonal/>
    </border>
    <border>
      <left style="thin">
        <color indexed="64"/>
      </left>
      <right/>
      <top style="medium">
        <color theme="1"/>
      </top>
      <bottom style="thin">
        <color indexed="64"/>
      </bottom>
      <diagonal/>
    </border>
    <border>
      <left/>
      <right/>
      <top style="medium">
        <color theme="1"/>
      </top>
      <bottom style="thin">
        <color indexed="64"/>
      </bottom>
      <diagonal/>
    </border>
    <border>
      <left/>
      <right style="medium">
        <color indexed="64"/>
      </right>
      <top style="medium">
        <color theme="1"/>
      </top>
      <bottom style="thin">
        <color indexed="64"/>
      </bottom>
      <diagonal/>
    </border>
    <border>
      <left style="thin">
        <color indexed="64"/>
      </left>
      <right style="thin">
        <color indexed="64"/>
      </right>
      <top style="medium">
        <color theme="1"/>
      </top>
      <bottom style="thin">
        <color indexed="64"/>
      </bottom>
      <diagonal/>
    </border>
    <border>
      <left/>
      <right style="thin">
        <color indexed="64"/>
      </right>
      <top style="medium">
        <color theme="1"/>
      </top>
      <bottom style="thin">
        <color indexed="64"/>
      </bottom>
      <diagonal/>
    </border>
    <border>
      <left/>
      <right style="thin">
        <color theme="1"/>
      </right>
      <top style="medium">
        <color theme="1"/>
      </top>
      <bottom/>
      <diagonal/>
    </border>
    <border>
      <left/>
      <right style="thin">
        <color theme="1"/>
      </right>
      <top/>
      <bottom/>
      <diagonal/>
    </border>
    <border>
      <left style="thin">
        <color theme="1"/>
      </left>
      <right/>
      <top style="thin">
        <color indexed="64"/>
      </top>
      <bottom style="thin">
        <color theme="1"/>
      </bottom>
      <diagonal/>
    </border>
    <border>
      <left/>
      <right style="thin">
        <color indexed="64"/>
      </right>
      <top style="thin">
        <color indexed="64"/>
      </top>
      <bottom style="thin">
        <color theme="1"/>
      </bottom>
      <diagonal/>
    </border>
    <border>
      <left style="thin">
        <color indexed="64"/>
      </left>
      <right/>
      <top style="thin">
        <color indexed="64"/>
      </top>
      <bottom style="thin">
        <color theme="1"/>
      </bottom>
      <diagonal/>
    </border>
    <border>
      <left/>
      <right/>
      <top style="thin">
        <color indexed="64"/>
      </top>
      <bottom style="thin">
        <color theme="1"/>
      </bottom>
      <diagonal/>
    </border>
    <border>
      <left/>
      <right style="medium">
        <color indexed="64"/>
      </right>
      <top style="thin">
        <color indexed="64"/>
      </top>
      <bottom style="thin">
        <color theme="1"/>
      </bottom>
      <diagonal/>
    </border>
    <border>
      <left style="thin">
        <color theme="1"/>
      </left>
      <right/>
      <top/>
      <bottom/>
      <diagonal/>
    </border>
    <border>
      <left style="medium">
        <color theme="1"/>
      </left>
      <right/>
      <top/>
      <bottom style="thin">
        <color theme="1"/>
      </bottom>
      <diagonal/>
    </border>
    <border>
      <left/>
      <right/>
      <top/>
      <bottom style="thin">
        <color theme="1"/>
      </bottom>
      <diagonal/>
    </border>
    <border>
      <left/>
      <right style="thin">
        <color theme="1"/>
      </right>
      <top/>
      <bottom style="thin">
        <color theme="1"/>
      </bottom>
      <diagonal/>
    </border>
    <border>
      <left style="medium">
        <color indexed="64"/>
      </left>
      <right/>
      <top/>
      <bottom style="thin">
        <color theme="1"/>
      </bottom>
      <diagonal/>
    </border>
    <border>
      <left style="thin">
        <color indexed="64"/>
      </left>
      <right/>
      <top style="thin">
        <color theme="1"/>
      </top>
      <bottom style="thin">
        <color indexed="64"/>
      </bottom>
      <diagonal/>
    </border>
    <border>
      <left/>
      <right/>
      <top style="thin">
        <color theme="1"/>
      </top>
      <bottom style="thin">
        <color indexed="64"/>
      </bottom>
      <diagonal/>
    </border>
    <border>
      <left style="medium">
        <color theme="1"/>
      </left>
      <right/>
      <top style="thin">
        <color indexed="64"/>
      </top>
      <bottom style="thin">
        <color indexed="64"/>
      </bottom>
      <diagonal/>
    </border>
    <border>
      <left/>
      <right style="medium">
        <color theme="1"/>
      </right>
      <top style="thin">
        <color theme="1"/>
      </top>
      <bottom/>
      <diagonal/>
    </border>
    <border>
      <left/>
      <right/>
      <top style="thin">
        <color theme="1"/>
      </top>
      <bottom/>
      <diagonal/>
    </border>
    <border>
      <left style="medium">
        <color theme="1"/>
      </left>
      <right/>
      <top style="thin">
        <color theme="1"/>
      </top>
      <bottom style="thin">
        <color indexed="64"/>
      </bottom>
      <diagonal/>
    </border>
    <border>
      <left/>
      <right style="thin">
        <color theme="1"/>
      </right>
      <top style="thin">
        <color theme="1"/>
      </top>
      <bottom style="thin">
        <color indexed="64"/>
      </bottom>
      <diagonal/>
    </border>
    <border>
      <left style="thin">
        <color theme="1"/>
      </left>
      <right style="medium">
        <color theme="1"/>
      </right>
      <top style="thin">
        <color theme="1"/>
      </top>
      <bottom style="thin">
        <color theme="1"/>
      </bottom>
      <diagonal/>
    </border>
    <border>
      <left style="thin">
        <color theme="1"/>
      </left>
      <right style="thin">
        <color theme="1"/>
      </right>
      <top style="thin">
        <color theme="1"/>
      </top>
      <bottom style="thin">
        <color theme="1"/>
      </bottom>
      <diagonal/>
    </border>
    <border>
      <left style="thin">
        <color indexed="64"/>
      </left>
      <right style="thin">
        <color indexed="64"/>
      </right>
      <top style="thin">
        <color theme="1"/>
      </top>
      <bottom style="medium">
        <color indexed="64"/>
      </bottom>
      <diagonal/>
    </border>
    <border>
      <left style="thin">
        <color indexed="64"/>
      </left>
      <right style="medium">
        <color indexed="64"/>
      </right>
      <top style="thin">
        <color theme="1"/>
      </top>
      <bottom style="medium">
        <color indexed="64"/>
      </bottom>
      <diagonal/>
    </border>
    <border>
      <left/>
      <right style="thin">
        <color indexed="64"/>
      </right>
      <top style="thin">
        <color theme="1"/>
      </top>
      <bottom style="medium">
        <color indexed="64"/>
      </bottom>
      <diagonal/>
    </border>
    <border>
      <left style="thin">
        <color indexed="64"/>
      </left>
      <right style="thin">
        <color indexed="64"/>
      </right>
      <top style="thin">
        <color theme="1"/>
      </top>
      <bottom style="thin">
        <color theme="1"/>
      </bottom>
      <diagonal/>
    </border>
    <border>
      <left/>
      <right style="thin">
        <color indexed="64"/>
      </right>
      <top style="thin">
        <color theme="1"/>
      </top>
      <bottom style="thin">
        <color theme="1"/>
      </bottom>
      <diagonal/>
    </border>
    <border>
      <left style="medium">
        <color indexed="64"/>
      </left>
      <right style="thin">
        <color theme="1"/>
      </right>
      <top style="medium">
        <color theme="1"/>
      </top>
      <bottom style="thin">
        <color indexed="64"/>
      </bottom>
      <diagonal/>
    </border>
    <border>
      <left style="medium">
        <color indexed="64"/>
      </left>
      <right style="thin">
        <color theme="1"/>
      </right>
      <top style="thin">
        <color indexed="64"/>
      </top>
      <bottom style="thin">
        <color indexed="64"/>
      </bottom>
      <diagonal/>
    </border>
    <border>
      <left style="medium">
        <color indexed="64"/>
      </left>
      <right style="thin">
        <color theme="1"/>
      </right>
      <top style="thin">
        <color indexed="64"/>
      </top>
      <bottom/>
      <diagonal/>
    </border>
    <border>
      <left style="medium">
        <color indexed="64"/>
      </left>
      <right style="thin">
        <color theme="1"/>
      </right>
      <top style="thin">
        <color indexed="64"/>
      </top>
      <bottom style="medium">
        <color indexed="64"/>
      </bottom>
      <diagonal/>
    </border>
    <border>
      <left style="thin">
        <color theme="1"/>
      </left>
      <right/>
      <top style="thin">
        <color theme="1"/>
      </top>
      <bottom/>
      <diagonal/>
    </border>
    <border>
      <left style="medium">
        <color theme="1"/>
      </left>
      <right/>
      <top style="thin">
        <color indexed="64"/>
      </top>
      <bottom style="medium">
        <color theme="1"/>
      </bottom>
      <diagonal/>
    </border>
    <border>
      <left/>
      <right/>
      <top style="thin">
        <color indexed="64"/>
      </top>
      <bottom style="medium">
        <color theme="1"/>
      </bottom>
      <diagonal/>
    </border>
    <border>
      <left/>
      <right style="thin">
        <color theme="1"/>
      </right>
      <top style="thin">
        <color indexed="64"/>
      </top>
      <bottom style="medium">
        <color theme="1"/>
      </bottom>
      <diagonal/>
    </border>
    <border>
      <left/>
      <right style="thin">
        <color indexed="64"/>
      </right>
      <top style="thin">
        <color theme="1"/>
      </top>
      <bottom style="thin">
        <color indexed="64"/>
      </bottom>
      <diagonal/>
    </border>
    <border>
      <left style="medium">
        <color theme="1"/>
      </left>
      <right/>
      <top style="medium">
        <color theme="1"/>
      </top>
      <bottom style="medium">
        <color theme="1"/>
      </bottom>
      <diagonal/>
    </border>
    <border>
      <left/>
      <right/>
      <top style="medium">
        <color theme="1"/>
      </top>
      <bottom style="medium">
        <color theme="1"/>
      </bottom>
      <diagonal/>
    </border>
    <border>
      <left/>
      <right style="medium">
        <color theme="1"/>
      </right>
      <top style="medium">
        <color theme="1"/>
      </top>
      <bottom style="medium">
        <color theme="1"/>
      </bottom>
      <diagonal/>
    </border>
    <border>
      <left style="thin">
        <color theme="1"/>
      </left>
      <right/>
      <top style="medium">
        <color theme="1"/>
      </top>
      <bottom style="medium">
        <color theme="1"/>
      </bottom>
      <diagonal/>
    </border>
    <border>
      <left/>
      <right style="medium">
        <color rgb="FFFF0000"/>
      </right>
      <top/>
      <bottom/>
      <diagonal/>
    </border>
    <border>
      <left style="medium">
        <color rgb="FFFF0000"/>
      </left>
      <right/>
      <top/>
      <bottom style="medium">
        <color rgb="FFFF0000"/>
      </bottom>
      <diagonal/>
    </border>
    <border>
      <left/>
      <right/>
      <top style="medium">
        <color rgb="FFFF0000"/>
      </top>
      <bottom/>
      <diagonal/>
    </border>
    <border>
      <left/>
      <right style="medium">
        <color rgb="FFFF0000"/>
      </right>
      <top/>
      <bottom style="medium">
        <color rgb="FFFF0000"/>
      </bottom>
      <diagonal/>
    </border>
    <border>
      <left style="medium">
        <color rgb="FFFF0000"/>
      </left>
      <right style="medium">
        <color rgb="FFFF0000"/>
      </right>
      <top/>
      <bottom style="medium">
        <color rgb="FFFF0000"/>
      </bottom>
      <diagonal/>
    </border>
    <border>
      <left style="thin">
        <color theme="1"/>
      </left>
      <right/>
      <top style="thin">
        <color indexed="64"/>
      </top>
      <bottom style="thin">
        <color indexed="64"/>
      </bottom>
      <diagonal/>
    </border>
    <border>
      <left/>
      <right style="thin">
        <color theme="1"/>
      </right>
      <top style="thin">
        <color indexed="64"/>
      </top>
      <bottom style="thin">
        <color indexed="64"/>
      </bottom>
      <diagonal/>
    </border>
    <border>
      <left style="thin">
        <color theme="1"/>
      </left>
      <right/>
      <top style="thin">
        <color theme="1"/>
      </top>
      <bottom style="thin">
        <color theme="1"/>
      </bottom>
      <diagonal/>
    </border>
    <border>
      <left/>
      <right style="thin">
        <color theme="1"/>
      </right>
      <top style="thin">
        <color theme="1"/>
      </top>
      <bottom style="thin">
        <color theme="1"/>
      </bottom>
      <diagonal/>
    </border>
    <border>
      <left style="thin">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s>
  <cellStyleXfs count="2">
    <xf numFmtId="0" fontId="0" fillId="0" borderId="0">
      <alignment vertical="center"/>
    </xf>
    <xf numFmtId="0" fontId="16" fillId="0" borderId="0">
      <alignment vertical="center"/>
    </xf>
  </cellStyleXfs>
  <cellXfs count="691">
    <xf numFmtId="0" fontId="0" fillId="0" borderId="0" xfId="0">
      <alignment vertical="center"/>
    </xf>
    <xf numFmtId="0" fontId="1" fillId="0" borderId="0" xfId="0" applyFont="1" applyBorder="1" applyAlignment="1">
      <alignment vertical="center"/>
    </xf>
    <xf numFmtId="0" fontId="1" fillId="0" borderId="0" xfId="0" applyFont="1" applyAlignment="1">
      <alignment vertical="center"/>
    </xf>
    <xf numFmtId="0" fontId="1" fillId="5" borderId="0" xfId="0" applyFont="1" applyFill="1" applyBorder="1" applyAlignment="1">
      <alignment vertical="center"/>
    </xf>
    <xf numFmtId="0" fontId="10" fillId="5" borderId="0" xfId="0" applyFont="1" applyFill="1" applyBorder="1" applyAlignment="1">
      <alignment vertical="top" wrapText="1"/>
    </xf>
    <xf numFmtId="0" fontId="1" fillId="5" borderId="0" xfId="0" applyFont="1" applyFill="1" applyAlignment="1">
      <alignment vertical="center"/>
    </xf>
    <xf numFmtId="0" fontId="1" fillId="5" borderId="0" xfId="0" applyFont="1" applyFill="1" applyBorder="1" applyAlignment="1">
      <alignment horizontal="center" vertical="center"/>
    </xf>
    <xf numFmtId="0" fontId="7" fillId="5" borderId="0" xfId="0" applyFont="1" applyFill="1" applyBorder="1" applyAlignment="1">
      <alignment vertical="center"/>
    </xf>
    <xf numFmtId="0" fontId="10" fillId="5" borderId="0" xfId="0" applyFont="1" applyFill="1" applyBorder="1" applyAlignment="1">
      <alignment vertical="center"/>
    </xf>
    <xf numFmtId="0" fontId="1" fillId="3" borderId="26" xfId="0" applyNumberFormat="1" applyFont="1" applyFill="1" applyBorder="1" applyAlignment="1" applyProtection="1">
      <alignment horizontal="center" vertical="center" shrinkToFit="1"/>
      <protection locked="0"/>
    </xf>
    <xf numFmtId="0" fontId="1" fillId="0" borderId="26" xfId="0" applyFont="1" applyFill="1" applyBorder="1" applyAlignment="1" applyProtection="1">
      <alignment horizontal="center" vertical="center" shrinkToFit="1"/>
    </xf>
    <xf numFmtId="0" fontId="1" fillId="3" borderId="23" xfId="0" applyNumberFormat="1" applyFont="1" applyFill="1" applyBorder="1" applyAlignment="1" applyProtection="1">
      <alignment horizontal="center" vertical="center" shrinkToFit="1"/>
      <protection locked="0"/>
    </xf>
    <xf numFmtId="0" fontId="1" fillId="3" borderId="26" xfId="0" applyFont="1" applyFill="1" applyBorder="1" applyAlignment="1" applyProtection="1">
      <alignment horizontal="center" vertical="center" shrinkToFit="1"/>
      <protection locked="0"/>
    </xf>
    <xf numFmtId="0" fontId="3" fillId="5" borderId="0" xfId="0" applyFont="1" applyFill="1" applyBorder="1" applyAlignment="1">
      <alignment vertical="center" wrapText="1"/>
    </xf>
    <xf numFmtId="0" fontId="14" fillId="0" borderId="0" xfId="0" applyFont="1" applyFill="1" applyAlignment="1">
      <alignment vertical="center"/>
    </xf>
    <xf numFmtId="0" fontId="24" fillId="0" borderId="0" xfId="0" applyFont="1">
      <alignment vertical="center"/>
    </xf>
    <xf numFmtId="0" fontId="24" fillId="0" borderId="0" xfId="0" applyFont="1" applyAlignment="1"/>
    <xf numFmtId="0" fontId="9" fillId="0" borderId="0" xfId="0" applyFont="1" applyFill="1" applyProtection="1">
      <alignment vertical="center"/>
    </xf>
    <xf numFmtId="0" fontId="1" fillId="0" borderId="0" xfId="0" applyFont="1" applyBorder="1" applyAlignment="1" applyProtection="1">
      <alignment horizontal="center" vertical="center"/>
    </xf>
    <xf numFmtId="0" fontId="24" fillId="0" borderId="0" xfId="0" applyFont="1" applyFill="1" applyAlignment="1">
      <alignment vertical="center"/>
    </xf>
    <xf numFmtId="0" fontId="22" fillId="0" borderId="0" xfId="0" applyFont="1" applyFill="1" applyAlignment="1">
      <alignment vertical="center"/>
    </xf>
    <xf numFmtId="0" fontId="4" fillId="5" borderId="0" xfId="0" applyFont="1" applyFill="1" applyBorder="1" applyAlignment="1">
      <alignment vertical="top" wrapText="1"/>
    </xf>
    <xf numFmtId="0" fontId="19" fillId="5" borderId="0" xfId="0" applyFont="1" applyFill="1" applyBorder="1" applyAlignment="1">
      <alignment vertical="center"/>
    </xf>
    <xf numFmtId="0" fontId="1" fillId="0" borderId="0" xfId="0" applyFont="1" applyFill="1" applyBorder="1" applyAlignment="1" applyProtection="1">
      <alignment horizontal="center" vertical="center" shrinkToFit="1"/>
      <protection locked="0"/>
    </xf>
    <xf numFmtId="0" fontId="1" fillId="0" borderId="0" xfId="0" applyFont="1" applyFill="1" applyBorder="1" applyAlignment="1" applyProtection="1">
      <alignment horizontal="center" vertical="center"/>
      <protection locked="0"/>
    </xf>
    <xf numFmtId="49" fontId="35" fillId="0" borderId="0" xfId="0" applyNumberFormat="1" applyFont="1" applyFill="1" applyBorder="1" applyAlignment="1" applyProtection="1">
      <alignment horizontal="center" vertical="center" shrinkToFit="1"/>
      <protection locked="0"/>
    </xf>
    <xf numFmtId="177" fontId="0" fillId="0" borderId="0" xfId="0" applyNumberFormat="1" applyFont="1" applyFill="1" applyBorder="1" applyAlignment="1" applyProtection="1">
      <alignment vertical="center" shrinkToFit="1"/>
      <protection locked="0"/>
    </xf>
    <xf numFmtId="177" fontId="0" fillId="0" borderId="50" xfId="0" applyNumberFormat="1" applyFont="1" applyFill="1" applyBorder="1" applyAlignment="1" applyProtection="1">
      <alignment vertical="center" shrinkToFit="1"/>
      <protection locked="0"/>
    </xf>
    <xf numFmtId="177" fontId="0" fillId="5" borderId="0" xfId="0" applyNumberFormat="1" applyFont="1" applyFill="1" applyBorder="1" applyAlignment="1" applyProtection="1">
      <alignment vertical="center" shrinkToFit="1"/>
      <protection locked="0"/>
    </xf>
    <xf numFmtId="49" fontId="28" fillId="0" borderId="51" xfId="0" applyNumberFormat="1" applyFont="1" applyFill="1" applyBorder="1" applyAlignment="1" applyProtection="1">
      <alignment horizontal="center" vertical="center" shrinkToFit="1"/>
      <protection locked="0"/>
    </xf>
    <xf numFmtId="49" fontId="28" fillId="0" borderId="0" xfId="0" applyNumberFormat="1" applyFont="1" applyFill="1" applyBorder="1" applyAlignment="1" applyProtection="1">
      <alignment horizontal="center" vertical="center" shrinkToFit="1"/>
      <protection locked="0"/>
    </xf>
    <xf numFmtId="0" fontId="1" fillId="5" borderId="0" xfId="0" applyFont="1" applyFill="1" applyBorder="1" applyAlignment="1" applyProtection="1">
      <alignment horizontal="center" vertical="center"/>
      <protection locked="0"/>
    </xf>
    <xf numFmtId="0" fontId="1" fillId="5" borderId="0" xfId="0" applyFont="1" applyFill="1" applyBorder="1" applyAlignment="1" applyProtection="1">
      <alignment horizontal="center" vertical="center" shrinkToFit="1"/>
      <protection locked="0"/>
    </xf>
    <xf numFmtId="177" fontId="1" fillId="5" borderId="0" xfId="0" applyNumberFormat="1" applyFont="1" applyFill="1" applyBorder="1" applyAlignment="1" applyProtection="1">
      <alignment vertical="center" shrinkToFit="1"/>
      <protection locked="0"/>
    </xf>
    <xf numFmtId="0" fontId="1" fillId="0" borderId="91" xfId="0" applyFont="1" applyBorder="1" applyAlignment="1" applyProtection="1">
      <alignment horizontal="center" vertical="center" wrapText="1"/>
    </xf>
    <xf numFmtId="0" fontId="1" fillId="0" borderId="23" xfId="0" applyFont="1" applyBorder="1" applyAlignment="1" applyProtection="1">
      <alignment horizontal="center" vertical="center"/>
    </xf>
    <xf numFmtId="0" fontId="1" fillId="0" borderId="31" xfId="0" applyFont="1" applyBorder="1" applyAlignment="1" applyProtection="1">
      <alignment horizontal="center" vertical="center"/>
    </xf>
    <xf numFmtId="0" fontId="1" fillId="3" borderId="23" xfId="0" applyFont="1" applyFill="1" applyBorder="1" applyAlignment="1" applyProtection="1">
      <alignment horizontal="center" vertical="center" shrinkToFit="1"/>
      <protection locked="0"/>
    </xf>
    <xf numFmtId="0" fontId="3" fillId="5" borderId="0" xfId="0" applyFont="1" applyFill="1" applyBorder="1" applyAlignment="1">
      <alignment vertical="center"/>
    </xf>
    <xf numFmtId="0" fontId="3" fillId="5" borderId="0" xfId="0" applyFont="1" applyFill="1" applyBorder="1" applyAlignment="1">
      <alignment horizontal="center" vertical="center"/>
    </xf>
    <xf numFmtId="0" fontId="3" fillId="5" borderId="0" xfId="0" applyFont="1" applyFill="1" applyBorder="1" applyAlignment="1">
      <alignment horizontal="left" vertical="center"/>
    </xf>
    <xf numFmtId="0" fontId="3" fillId="5" borderId="2" xfId="0" applyFont="1" applyFill="1" applyBorder="1" applyAlignment="1">
      <alignment vertical="center"/>
    </xf>
    <xf numFmtId="0" fontId="3" fillId="5" borderId="0" xfId="0" applyFont="1" applyFill="1" applyBorder="1" applyAlignment="1">
      <alignment vertical="center" shrinkToFit="1"/>
    </xf>
    <xf numFmtId="0" fontId="3" fillId="5" borderId="0" xfId="0" applyFont="1" applyFill="1" applyBorder="1" applyAlignment="1">
      <alignment horizontal="left" vertical="center" shrinkToFit="1"/>
    </xf>
    <xf numFmtId="0" fontId="3" fillId="5" borderId="2" xfId="0" applyFont="1" applyFill="1" applyBorder="1" applyAlignment="1">
      <alignment horizontal="left" vertical="center" shrinkToFit="1"/>
    </xf>
    <xf numFmtId="0" fontId="3" fillId="5" borderId="0" xfId="0" applyFont="1" applyFill="1" applyBorder="1" applyAlignment="1">
      <alignment vertical="center" wrapText="1" shrinkToFit="1"/>
    </xf>
    <xf numFmtId="0" fontId="3" fillId="5" borderId="2" xfId="0" applyFont="1" applyFill="1" applyBorder="1" applyAlignment="1">
      <alignment vertical="center" wrapText="1" shrinkToFit="1"/>
    </xf>
    <xf numFmtId="0" fontId="3" fillId="5" borderId="0" xfId="0" applyFont="1" applyFill="1" applyBorder="1" applyAlignment="1">
      <alignment horizontal="center" vertical="center" shrinkToFit="1"/>
    </xf>
    <xf numFmtId="0" fontId="3" fillId="5" borderId="12" xfId="0" applyFont="1" applyFill="1" applyBorder="1" applyAlignment="1">
      <alignment vertical="center"/>
    </xf>
    <xf numFmtId="0" fontId="18" fillId="5" borderId="0" xfId="0" applyFont="1" applyFill="1" applyBorder="1" applyAlignment="1">
      <alignment horizontal="center" vertical="center"/>
    </xf>
    <xf numFmtId="0" fontId="3" fillId="5" borderId="12" xfId="0" applyFont="1" applyFill="1" applyBorder="1" applyAlignment="1">
      <alignment vertical="center" wrapText="1"/>
    </xf>
    <xf numFmtId="0" fontId="3" fillId="0" borderId="0" xfId="0" applyFont="1" applyAlignment="1">
      <alignment vertical="center"/>
    </xf>
    <xf numFmtId="0" fontId="8" fillId="5" borderId="0" xfId="0" applyFont="1" applyFill="1" applyBorder="1" applyAlignment="1">
      <alignment vertical="center" wrapText="1"/>
    </xf>
    <xf numFmtId="0" fontId="3" fillId="5" borderId="0" xfId="0" applyFont="1" applyFill="1" applyBorder="1" applyAlignment="1">
      <alignment horizontal="center" vertical="center" shrinkToFit="1"/>
    </xf>
    <xf numFmtId="0" fontId="34" fillId="7" borderId="3" xfId="0" applyFont="1" applyFill="1" applyBorder="1" applyAlignment="1">
      <alignment horizontal="left" vertical="center" wrapText="1"/>
    </xf>
    <xf numFmtId="0" fontId="3" fillId="5" borderId="8" xfId="0" applyFont="1" applyFill="1" applyBorder="1" applyAlignment="1">
      <alignment vertical="center" shrinkToFit="1"/>
    </xf>
    <xf numFmtId="0" fontId="3" fillId="5" borderId="7" xfId="0" applyFont="1" applyFill="1" applyBorder="1" applyAlignment="1">
      <alignment vertical="center" wrapText="1" shrinkToFit="1"/>
    </xf>
    <xf numFmtId="0" fontId="7" fillId="5" borderId="12" xfId="0" applyFont="1" applyFill="1" applyBorder="1" applyAlignment="1">
      <alignment vertical="center" wrapText="1" shrinkToFit="1"/>
    </xf>
    <xf numFmtId="0" fontId="3" fillId="5" borderId="1" xfId="0" applyFont="1" applyFill="1" applyBorder="1" applyAlignment="1">
      <alignment vertical="center"/>
    </xf>
    <xf numFmtId="0" fontId="3" fillId="5" borderId="9" xfId="0" applyFont="1" applyFill="1" applyBorder="1" applyAlignment="1">
      <alignment vertical="center" shrinkToFit="1"/>
    </xf>
    <xf numFmtId="0" fontId="1" fillId="3" borderId="101" xfId="0" applyFont="1" applyFill="1" applyBorder="1" applyAlignment="1" applyProtection="1">
      <alignment horizontal="center" vertical="center" shrinkToFit="1"/>
      <protection locked="0"/>
    </xf>
    <xf numFmtId="0" fontId="1" fillId="3" borderId="87" xfId="0" applyFont="1" applyFill="1" applyBorder="1" applyAlignment="1" applyProtection="1">
      <alignment horizontal="center" vertical="center" shrinkToFit="1"/>
      <protection locked="0"/>
    </xf>
    <xf numFmtId="0" fontId="1" fillId="3" borderId="86" xfId="0" applyFont="1" applyFill="1" applyBorder="1" applyAlignment="1" applyProtection="1">
      <alignment horizontal="center" vertical="center" shrinkToFit="1"/>
      <protection locked="0"/>
    </xf>
    <xf numFmtId="0" fontId="1" fillId="0" borderId="3" xfId="0" applyFont="1" applyBorder="1" applyAlignment="1" applyProtection="1">
      <alignment horizontal="center" vertical="center"/>
    </xf>
    <xf numFmtId="0" fontId="1" fillId="3" borderId="10" xfId="0" applyFont="1" applyFill="1" applyBorder="1" applyAlignment="1" applyProtection="1">
      <alignment horizontal="center" vertical="center" shrinkToFit="1"/>
      <protection locked="0"/>
    </xf>
    <xf numFmtId="0" fontId="1" fillId="3" borderId="11" xfId="0" applyFont="1" applyFill="1" applyBorder="1" applyAlignment="1" applyProtection="1">
      <alignment horizontal="center" vertical="center" shrinkToFit="1"/>
      <protection locked="0"/>
    </xf>
    <xf numFmtId="0" fontId="15" fillId="3" borderId="34" xfId="0" applyFont="1" applyFill="1" applyBorder="1" applyAlignment="1" applyProtection="1">
      <alignment horizontal="center" vertical="center" shrinkToFit="1"/>
      <protection locked="0"/>
    </xf>
    <xf numFmtId="0" fontId="15" fillId="3" borderId="35" xfId="0" applyFont="1" applyFill="1" applyBorder="1" applyAlignment="1" applyProtection="1">
      <alignment horizontal="center" vertical="center" shrinkToFit="1"/>
      <protection locked="0"/>
    </xf>
    <xf numFmtId="0" fontId="15" fillId="3" borderId="37" xfId="0" applyFont="1" applyFill="1" applyBorder="1" applyAlignment="1" applyProtection="1">
      <alignment horizontal="center" vertical="center" shrinkToFit="1"/>
      <protection locked="0"/>
    </xf>
    <xf numFmtId="0" fontId="15" fillId="5" borderId="27" xfId="0" applyFont="1" applyFill="1" applyBorder="1" applyAlignment="1" applyProtection="1">
      <alignment horizontal="center" vertical="center"/>
    </xf>
    <xf numFmtId="0" fontId="15" fillId="5" borderId="25" xfId="0" applyFont="1" applyFill="1" applyBorder="1" applyAlignment="1" applyProtection="1">
      <alignment horizontal="center" vertical="center"/>
    </xf>
    <xf numFmtId="0" fontId="15" fillId="5" borderId="26" xfId="0" applyFont="1" applyFill="1" applyBorder="1" applyAlignment="1" applyProtection="1">
      <alignment horizontal="center" vertical="center"/>
    </xf>
    <xf numFmtId="49" fontId="15" fillId="3" borderId="32" xfId="0" applyNumberFormat="1" applyFont="1" applyFill="1" applyBorder="1" applyAlignment="1" applyProtection="1">
      <alignment horizontal="center" vertical="center" shrinkToFit="1"/>
      <protection locked="0"/>
    </xf>
    <xf numFmtId="49" fontId="15" fillId="3" borderId="15" xfId="0" applyNumberFormat="1" applyFont="1" applyFill="1" applyBorder="1" applyAlignment="1" applyProtection="1">
      <alignment horizontal="center" vertical="center" shrinkToFit="1"/>
      <protection locked="0"/>
    </xf>
    <xf numFmtId="49" fontId="15" fillId="3" borderId="20" xfId="0" applyNumberFormat="1" applyFont="1" applyFill="1" applyBorder="1" applyAlignment="1" applyProtection="1">
      <alignment horizontal="center" vertical="center" shrinkToFit="1"/>
      <protection locked="0"/>
    </xf>
    <xf numFmtId="176" fontId="15" fillId="3" borderId="24" xfId="0" applyNumberFormat="1" applyFont="1" applyFill="1" applyBorder="1" applyAlignment="1" applyProtection="1">
      <alignment horizontal="center" vertical="center" shrinkToFit="1"/>
      <protection locked="0"/>
    </xf>
    <xf numFmtId="176" fontId="15" fillId="3" borderId="46" xfId="0" applyNumberFormat="1" applyFont="1" applyFill="1" applyBorder="1" applyAlignment="1" applyProtection="1">
      <alignment horizontal="center" vertical="center" shrinkToFit="1"/>
      <protection locked="0"/>
    </xf>
    <xf numFmtId="0" fontId="14" fillId="0" borderId="31" xfId="0" applyFont="1" applyFill="1" applyBorder="1" applyAlignment="1" applyProtection="1">
      <alignment horizontal="left" vertical="center" wrapText="1"/>
    </xf>
    <xf numFmtId="0" fontId="14" fillId="0" borderId="24" xfId="0" applyFont="1" applyFill="1" applyBorder="1" applyAlignment="1" applyProtection="1">
      <alignment horizontal="center" vertical="center" wrapText="1"/>
    </xf>
    <xf numFmtId="0" fontId="14" fillId="0" borderId="46" xfId="0" applyFont="1" applyFill="1" applyBorder="1" applyAlignment="1" applyProtection="1">
      <alignment horizontal="center" vertical="center" wrapText="1"/>
    </xf>
    <xf numFmtId="0" fontId="1" fillId="0" borderId="31" xfId="0" applyFont="1" applyBorder="1" applyAlignment="1" applyProtection="1">
      <alignment horizontal="center" vertical="center"/>
    </xf>
    <xf numFmtId="0" fontId="1" fillId="0" borderId="23" xfId="0" applyFont="1" applyBorder="1" applyAlignment="1" applyProtection="1">
      <alignment horizontal="center" vertical="center"/>
    </xf>
    <xf numFmtId="49" fontId="20" fillId="3" borderId="23" xfId="0" applyNumberFormat="1" applyFont="1" applyFill="1" applyBorder="1" applyAlignment="1" applyProtection="1">
      <alignment horizontal="center" vertical="center" shrinkToFit="1"/>
      <protection locked="0"/>
    </xf>
    <xf numFmtId="0" fontId="1" fillId="3" borderId="23" xfId="0" applyFont="1" applyFill="1" applyBorder="1" applyAlignment="1" applyProtection="1">
      <alignment horizontal="center" vertical="center" shrinkToFit="1"/>
      <protection locked="0"/>
    </xf>
    <xf numFmtId="0" fontId="1" fillId="0" borderId="14" xfId="0" applyFont="1" applyFill="1" applyBorder="1" applyAlignment="1" applyProtection="1">
      <alignment horizontal="center" vertical="center"/>
    </xf>
    <xf numFmtId="0" fontId="1" fillId="5" borderId="23" xfId="0" applyFont="1" applyFill="1" applyBorder="1" applyAlignment="1" applyProtection="1">
      <alignment horizontal="center" vertical="center" wrapText="1"/>
    </xf>
    <xf numFmtId="0" fontId="15" fillId="3" borderId="14" xfId="0" applyFont="1" applyFill="1" applyBorder="1" applyAlignment="1" applyProtection="1">
      <alignment horizontal="center" vertical="center" shrinkToFit="1"/>
      <protection locked="0"/>
    </xf>
    <xf numFmtId="0" fontId="1" fillId="0" borderId="32" xfId="0" applyFont="1" applyFill="1" applyBorder="1" applyAlignment="1" applyProtection="1">
      <alignment horizontal="center" vertical="center"/>
    </xf>
    <xf numFmtId="0" fontId="1" fillId="0" borderId="22" xfId="0" applyFont="1" applyFill="1" applyBorder="1" applyAlignment="1" applyProtection="1">
      <alignment horizontal="center" vertical="center"/>
    </xf>
    <xf numFmtId="0" fontId="1" fillId="3" borderId="34" xfId="0" applyNumberFormat="1" applyFont="1" applyFill="1" applyBorder="1" applyAlignment="1" applyProtection="1">
      <alignment horizontal="center" vertical="center" shrinkToFit="1"/>
      <protection locked="0"/>
    </xf>
    <xf numFmtId="0" fontId="1" fillId="3" borderId="35" xfId="0" applyNumberFormat="1" applyFont="1" applyFill="1" applyBorder="1" applyAlignment="1" applyProtection="1">
      <alignment horizontal="center" vertical="center" shrinkToFit="1"/>
      <protection locked="0"/>
    </xf>
    <xf numFmtId="0" fontId="1" fillId="3" borderId="36" xfId="0" applyNumberFormat="1" applyFont="1" applyFill="1" applyBorder="1" applyAlignment="1" applyProtection="1">
      <alignment horizontal="center" vertical="center" shrinkToFit="1"/>
      <protection locked="0"/>
    </xf>
    <xf numFmtId="0" fontId="3" fillId="0" borderId="14" xfId="0" applyFont="1" applyFill="1" applyBorder="1" applyAlignment="1" applyProtection="1">
      <alignment horizontal="center" vertical="center"/>
    </xf>
    <xf numFmtId="0" fontId="3" fillId="0" borderId="39" xfId="0" applyFont="1" applyFill="1" applyBorder="1" applyAlignment="1" applyProtection="1">
      <alignment horizontal="center" vertical="center"/>
    </xf>
    <xf numFmtId="0" fontId="1" fillId="3" borderId="1" xfId="0" applyFont="1" applyFill="1" applyBorder="1" applyAlignment="1" applyProtection="1">
      <alignment horizontal="center" vertical="center" shrinkToFit="1"/>
      <protection locked="0"/>
    </xf>
    <xf numFmtId="0" fontId="1" fillId="0" borderId="4" xfId="0" applyFont="1" applyBorder="1" applyAlignment="1" applyProtection="1">
      <alignment horizontal="center" vertical="center"/>
    </xf>
    <xf numFmtId="0" fontId="8" fillId="2" borderId="16" xfId="0" applyFont="1" applyFill="1" applyBorder="1" applyAlignment="1" applyProtection="1">
      <alignment horizontal="center" vertical="center" textRotation="255" wrapText="1"/>
    </xf>
    <xf numFmtId="0" fontId="8" fillId="2" borderId="17" xfId="0" applyFont="1" applyFill="1" applyBorder="1" applyAlignment="1" applyProtection="1">
      <alignment horizontal="center" vertical="center" textRotation="255" wrapText="1"/>
    </xf>
    <xf numFmtId="0" fontId="8" fillId="2" borderId="19" xfId="0" applyFont="1" applyFill="1" applyBorder="1" applyAlignment="1" applyProtection="1">
      <alignment horizontal="center" vertical="center" textRotation="255" wrapText="1"/>
    </xf>
    <xf numFmtId="0" fontId="8" fillId="2" borderId="15" xfId="0" applyFont="1" applyFill="1" applyBorder="1" applyAlignment="1" applyProtection="1">
      <alignment horizontal="center" vertical="center" textRotation="255" wrapText="1"/>
    </xf>
    <xf numFmtId="0" fontId="1" fillId="3" borderId="4" xfId="0" applyFont="1" applyFill="1" applyBorder="1" applyAlignment="1" applyProtection="1">
      <alignment horizontal="center" vertical="center"/>
      <protection locked="0"/>
    </xf>
    <xf numFmtId="0" fontId="1" fillId="3" borderId="6" xfId="0" applyFont="1" applyFill="1" applyBorder="1" applyAlignment="1" applyProtection="1">
      <alignment horizontal="center" vertical="center"/>
      <protection locked="0"/>
    </xf>
    <xf numFmtId="0" fontId="1" fillId="0" borderId="10" xfId="0" applyFont="1" applyBorder="1" applyAlignment="1" applyProtection="1">
      <alignment horizontal="center" vertical="center"/>
    </xf>
    <xf numFmtId="0" fontId="1" fillId="0" borderId="6" xfId="0" applyFont="1" applyBorder="1" applyAlignment="1" applyProtection="1">
      <alignment horizontal="center" vertical="center"/>
    </xf>
    <xf numFmtId="0" fontId="3" fillId="0" borderId="31" xfId="0" applyFont="1" applyFill="1" applyBorder="1" applyAlignment="1" applyProtection="1">
      <alignment horizontal="center" vertical="center"/>
    </xf>
    <xf numFmtId="0" fontId="3" fillId="0" borderId="30" xfId="0" applyFont="1" applyFill="1" applyBorder="1" applyAlignment="1" applyProtection="1">
      <alignment horizontal="center" vertical="center"/>
    </xf>
    <xf numFmtId="0" fontId="1" fillId="3" borderId="34" xfId="0" applyFont="1" applyFill="1" applyBorder="1" applyAlignment="1" applyProtection="1">
      <alignment horizontal="center" vertical="center" shrinkToFit="1"/>
      <protection locked="0"/>
    </xf>
    <xf numFmtId="0" fontId="1" fillId="3" borderId="35" xfId="0" applyFont="1" applyFill="1" applyBorder="1" applyAlignment="1" applyProtection="1">
      <alignment horizontal="center" vertical="center" shrinkToFit="1"/>
      <protection locked="0"/>
    </xf>
    <xf numFmtId="0" fontId="1" fillId="3" borderId="36" xfId="0" applyFont="1" applyFill="1" applyBorder="1" applyAlignment="1" applyProtection="1">
      <alignment horizontal="center" vertical="center" shrinkToFit="1"/>
      <protection locked="0"/>
    </xf>
    <xf numFmtId="0" fontId="1" fillId="3" borderId="3" xfId="0" applyFont="1" applyFill="1" applyBorder="1" applyAlignment="1" applyProtection="1">
      <alignment horizontal="center" vertical="center"/>
      <protection locked="0"/>
    </xf>
    <xf numFmtId="0" fontId="1" fillId="3" borderId="13" xfId="0" applyFont="1" applyFill="1" applyBorder="1" applyAlignment="1" applyProtection="1">
      <alignment horizontal="center" vertical="center" shrinkToFit="1"/>
      <protection locked="0"/>
    </xf>
    <xf numFmtId="0" fontId="1" fillId="0" borderId="40" xfId="0" applyFont="1" applyBorder="1" applyAlignment="1" applyProtection="1">
      <alignment horizontal="center" vertical="center"/>
    </xf>
    <xf numFmtId="0" fontId="1" fillId="0" borderId="30" xfId="0" applyFont="1" applyBorder="1" applyAlignment="1" applyProtection="1">
      <alignment horizontal="center" vertical="center"/>
    </xf>
    <xf numFmtId="49" fontId="8" fillId="3" borderId="31" xfId="0" applyNumberFormat="1" applyFont="1" applyFill="1" applyBorder="1" applyAlignment="1" applyProtection="1">
      <alignment horizontal="center" vertical="center" shrinkToFit="1"/>
      <protection locked="0"/>
    </xf>
    <xf numFmtId="49" fontId="8" fillId="3" borderId="28" xfId="0" applyNumberFormat="1" applyFont="1" applyFill="1" applyBorder="1" applyAlignment="1" applyProtection="1">
      <alignment horizontal="center" vertical="center" shrinkToFit="1"/>
      <protection locked="0"/>
    </xf>
    <xf numFmtId="49" fontId="13" fillId="3" borderId="3" xfId="0" applyNumberFormat="1" applyFont="1" applyFill="1" applyBorder="1" applyAlignment="1" applyProtection="1">
      <alignment horizontal="center" vertical="center" shrinkToFit="1"/>
      <protection locked="0"/>
    </xf>
    <xf numFmtId="49" fontId="8" fillId="3" borderId="3" xfId="0" applyNumberFormat="1" applyFont="1" applyFill="1" applyBorder="1" applyAlignment="1" applyProtection="1">
      <alignment horizontal="center" vertical="center" shrinkToFit="1"/>
      <protection locked="0"/>
    </xf>
    <xf numFmtId="49" fontId="8" fillId="3" borderId="41" xfId="0" applyNumberFormat="1" applyFont="1" applyFill="1" applyBorder="1" applyAlignment="1" applyProtection="1">
      <alignment horizontal="center" vertical="center" shrinkToFit="1"/>
      <protection locked="0"/>
    </xf>
    <xf numFmtId="0" fontId="13" fillId="2" borderId="97" xfId="0" applyFont="1" applyFill="1" applyBorder="1" applyAlignment="1" applyProtection="1">
      <alignment horizontal="center" vertical="center" textRotation="255"/>
    </xf>
    <xf numFmtId="0" fontId="8" fillId="2" borderId="98" xfId="0" applyFont="1" applyFill="1" applyBorder="1" applyAlignment="1" applyProtection="1">
      <alignment horizontal="center" vertical="center" textRotation="255"/>
    </xf>
    <xf numFmtId="0" fontId="8" fillId="2" borderId="99" xfId="0" applyFont="1" applyFill="1" applyBorder="1" applyAlignment="1" applyProtection="1">
      <alignment horizontal="center" vertical="center" textRotation="255"/>
    </xf>
    <xf numFmtId="0" fontId="8" fillId="2" borderId="100" xfId="0" applyFont="1" applyFill="1" applyBorder="1" applyAlignment="1" applyProtection="1">
      <alignment horizontal="center" vertical="center" textRotation="255"/>
    </xf>
    <xf numFmtId="0" fontId="5" fillId="0" borderId="70" xfId="0" applyFont="1" applyBorder="1" applyAlignment="1" applyProtection="1">
      <alignment horizontal="left" vertical="center" wrapText="1"/>
    </xf>
    <xf numFmtId="0" fontId="5" fillId="0" borderId="69" xfId="0" applyFont="1" applyBorder="1" applyAlignment="1" applyProtection="1">
      <alignment horizontal="left" vertical="center" wrapText="1"/>
    </xf>
    <xf numFmtId="0" fontId="1" fillId="0" borderId="3" xfId="0" applyFont="1" applyBorder="1" applyAlignment="1" applyProtection="1">
      <alignment horizontal="center" vertical="center" wrapText="1"/>
    </xf>
    <xf numFmtId="0" fontId="1" fillId="4" borderId="4" xfId="0" applyFont="1" applyFill="1" applyBorder="1" applyAlignment="1" applyProtection="1">
      <alignment horizontal="left" vertical="center" wrapText="1"/>
    </xf>
    <xf numFmtId="0" fontId="1" fillId="4" borderId="5" xfId="0" applyFont="1" applyFill="1" applyBorder="1" applyAlignment="1" applyProtection="1">
      <alignment horizontal="left" vertical="center" wrapText="1"/>
    </xf>
    <xf numFmtId="0" fontId="1" fillId="4" borderId="29" xfId="0" applyFont="1" applyFill="1" applyBorder="1" applyAlignment="1" applyProtection="1">
      <alignment horizontal="left" vertical="center" wrapText="1"/>
    </xf>
    <xf numFmtId="0" fontId="30" fillId="3" borderId="3" xfId="0" applyFont="1" applyFill="1" applyBorder="1" applyAlignment="1" applyProtection="1">
      <alignment horizontal="center" vertical="center" shrinkToFit="1"/>
      <protection locked="0"/>
    </xf>
    <xf numFmtId="0" fontId="30" fillId="3" borderId="4" xfId="0" applyFont="1" applyFill="1" applyBorder="1" applyAlignment="1" applyProtection="1">
      <alignment horizontal="center" vertical="center" shrinkToFit="1"/>
      <protection locked="0"/>
    </xf>
    <xf numFmtId="0" fontId="1" fillId="3" borderId="4" xfId="0" applyFont="1" applyFill="1" applyBorder="1" applyAlignment="1" applyProtection="1">
      <alignment horizontal="center" vertical="center" shrinkToFit="1"/>
      <protection locked="0"/>
    </xf>
    <xf numFmtId="0" fontId="1" fillId="3" borderId="5" xfId="0" applyFont="1" applyFill="1" applyBorder="1" applyAlignment="1" applyProtection="1">
      <alignment horizontal="center" vertical="center" shrinkToFit="1"/>
      <protection locked="0"/>
    </xf>
    <xf numFmtId="0" fontId="1" fillId="3" borderId="6" xfId="0" applyFont="1" applyFill="1" applyBorder="1" applyAlignment="1" applyProtection="1">
      <alignment horizontal="center" vertical="center" shrinkToFit="1"/>
      <protection locked="0"/>
    </xf>
    <xf numFmtId="0" fontId="1" fillId="3" borderId="41" xfId="0" applyFont="1" applyFill="1" applyBorder="1" applyAlignment="1" applyProtection="1">
      <alignment horizontal="center" vertical="center"/>
      <protection locked="0"/>
    </xf>
    <xf numFmtId="0" fontId="5" fillId="0" borderId="94" xfId="0" applyFont="1" applyBorder="1" applyAlignment="1" applyProtection="1">
      <alignment horizontal="left" vertical="center" wrapText="1"/>
    </xf>
    <xf numFmtId="0" fontId="5" fillId="0" borderId="92" xfId="0" applyFont="1" applyBorder="1" applyAlignment="1" applyProtection="1">
      <alignment horizontal="left" vertical="center" wrapText="1"/>
    </xf>
    <xf numFmtId="0" fontId="1" fillId="3" borderId="92" xfId="0" applyFont="1" applyFill="1" applyBorder="1" applyAlignment="1" applyProtection="1">
      <alignment horizontal="center" vertical="center"/>
      <protection locked="0"/>
    </xf>
    <xf numFmtId="0" fontId="1" fillId="3" borderId="93" xfId="0" applyFont="1" applyFill="1" applyBorder="1" applyAlignment="1" applyProtection="1">
      <alignment horizontal="center" vertical="center"/>
      <protection locked="0"/>
    </xf>
    <xf numFmtId="49" fontId="1" fillId="3" borderId="3" xfId="0" applyNumberFormat="1" applyFont="1" applyFill="1" applyBorder="1" applyAlignment="1" applyProtection="1">
      <alignment horizontal="center" vertical="center" shrinkToFit="1"/>
      <protection locked="0"/>
    </xf>
    <xf numFmtId="0" fontId="1" fillId="0" borderId="58" xfId="0" applyFont="1" applyBorder="1" applyAlignment="1" applyProtection="1">
      <alignment horizontal="center" vertical="center"/>
    </xf>
    <xf numFmtId="0" fontId="3" fillId="0" borderId="58" xfId="0" applyFont="1" applyBorder="1" applyAlignment="1" applyProtection="1">
      <alignment horizontal="center" vertical="center"/>
    </xf>
    <xf numFmtId="0" fontId="3" fillId="0" borderId="57" xfId="0" applyFont="1" applyBorder="1" applyAlignment="1" applyProtection="1">
      <alignment horizontal="center" vertical="center"/>
    </xf>
    <xf numFmtId="49" fontId="14" fillId="3" borderId="59" xfId="0" applyNumberFormat="1" applyFont="1" applyFill="1" applyBorder="1" applyAlignment="1" applyProtection="1">
      <alignment horizontal="center" vertical="center" shrinkToFit="1"/>
      <protection locked="0"/>
    </xf>
    <xf numFmtId="49" fontId="14" fillId="3" borderId="60" xfId="0" applyNumberFormat="1" applyFont="1" applyFill="1" applyBorder="1" applyAlignment="1" applyProtection="1">
      <alignment horizontal="center" vertical="center" shrinkToFit="1"/>
      <protection locked="0"/>
    </xf>
    <xf numFmtId="49" fontId="14" fillId="3" borderId="61" xfId="0" applyNumberFormat="1" applyFont="1" applyFill="1" applyBorder="1" applyAlignment="1" applyProtection="1">
      <alignment horizontal="center" vertical="center" shrinkToFit="1"/>
      <protection locked="0"/>
    </xf>
    <xf numFmtId="0" fontId="1" fillId="3" borderId="69" xfId="0" applyFont="1" applyFill="1" applyBorder="1" applyAlignment="1" applyProtection="1">
      <alignment horizontal="center" vertical="center"/>
      <protection locked="0"/>
    </xf>
    <xf numFmtId="0" fontId="1" fillId="3" borderId="65" xfId="0" applyFont="1" applyFill="1" applyBorder="1" applyAlignment="1" applyProtection="1">
      <alignment horizontal="center" vertical="center"/>
      <protection locked="0"/>
    </xf>
    <xf numFmtId="0" fontId="5" fillId="0" borderId="74" xfId="0" applyFont="1" applyBorder="1" applyAlignment="1" applyProtection="1">
      <alignment horizontal="left" vertical="center" wrapText="1"/>
    </xf>
    <xf numFmtId="0" fontId="5" fillId="0" borderId="56" xfId="0" applyFont="1" applyBorder="1" applyAlignment="1" applyProtection="1">
      <alignment horizontal="left" vertical="center" wrapText="1"/>
    </xf>
    <xf numFmtId="0" fontId="1" fillId="0" borderId="5" xfId="0" applyFont="1" applyBorder="1" applyAlignment="1" applyProtection="1">
      <alignment horizontal="center" vertical="center" wrapText="1"/>
    </xf>
    <xf numFmtId="0" fontId="1" fillId="0" borderId="6" xfId="0" applyFont="1" applyBorder="1" applyAlignment="1" applyProtection="1">
      <alignment horizontal="center" vertical="center" wrapText="1"/>
    </xf>
    <xf numFmtId="0" fontId="13" fillId="2" borderId="33" xfId="0" applyFont="1" applyFill="1" applyBorder="1" applyAlignment="1" applyProtection="1">
      <alignment horizontal="center" vertical="center" textRotation="255" wrapText="1"/>
    </xf>
    <xf numFmtId="0" fontId="8" fillId="2" borderId="38" xfId="0" applyFont="1" applyFill="1" applyBorder="1" applyAlignment="1" applyProtection="1">
      <alignment horizontal="center" vertical="center" textRotation="255" wrapText="1"/>
    </xf>
    <xf numFmtId="0" fontId="8" fillId="2" borderId="47" xfId="0" applyFont="1" applyFill="1" applyBorder="1" applyAlignment="1" applyProtection="1">
      <alignment horizontal="center" vertical="center" textRotation="255" wrapText="1"/>
    </xf>
    <xf numFmtId="0" fontId="5" fillId="0" borderId="96" xfId="0" applyFont="1" applyBorder="1" applyAlignment="1" applyProtection="1">
      <alignment horizontal="left" vertical="center" wrapText="1"/>
    </xf>
    <xf numFmtId="0" fontId="5" fillId="0" borderId="95" xfId="0" applyFont="1" applyBorder="1" applyAlignment="1" applyProtection="1">
      <alignment horizontal="left" vertical="center" wrapText="1"/>
    </xf>
    <xf numFmtId="0" fontId="1" fillId="3" borderId="13" xfId="0" applyFont="1" applyFill="1" applyBorder="1" applyAlignment="1" applyProtection="1">
      <alignment horizontal="center" vertical="center"/>
      <protection locked="0"/>
    </xf>
    <xf numFmtId="0" fontId="1" fillId="3" borderId="45" xfId="0" applyFont="1" applyFill="1" applyBorder="1" applyAlignment="1" applyProtection="1">
      <alignment horizontal="center" vertical="center"/>
      <protection locked="0"/>
    </xf>
    <xf numFmtId="49" fontId="1" fillId="3" borderId="14" xfId="0" applyNumberFormat="1" applyFont="1" applyFill="1" applyBorder="1" applyAlignment="1" applyProtection="1">
      <alignment horizontal="center" vertical="center" shrinkToFit="1"/>
      <protection locked="0"/>
    </xf>
    <xf numFmtId="0" fontId="6" fillId="0" borderId="7" xfId="0" applyFont="1" applyBorder="1" applyAlignment="1" applyProtection="1">
      <alignment horizontal="center" vertical="center"/>
    </xf>
    <xf numFmtId="0" fontId="17" fillId="0" borderId="8" xfId="0" applyFont="1" applyBorder="1" applyAlignment="1" applyProtection="1">
      <alignment horizontal="center" vertical="center"/>
    </xf>
    <xf numFmtId="0" fontId="17" fillId="0" borderId="9" xfId="0" applyFont="1" applyBorder="1" applyAlignment="1" applyProtection="1">
      <alignment horizontal="center" vertical="center"/>
    </xf>
    <xf numFmtId="0" fontId="1" fillId="3" borderId="7" xfId="0" applyFont="1" applyFill="1" applyBorder="1" applyAlignment="1" applyProtection="1">
      <alignment horizontal="center" vertical="center" shrinkToFit="1"/>
      <protection locked="0"/>
    </xf>
    <xf numFmtId="0" fontId="13" fillId="2" borderId="53" xfId="0" applyFont="1" applyFill="1" applyBorder="1" applyAlignment="1" applyProtection="1">
      <alignment horizontal="center" vertical="center" textRotation="255"/>
    </xf>
    <xf numFmtId="0" fontId="8" fillId="2" borderId="54" xfId="0" applyFont="1" applyFill="1" applyBorder="1" applyAlignment="1" applyProtection="1">
      <alignment horizontal="center" vertical="center" textRotation="255"/>
    </xf>
    <xf numFmtId="0" fontId="8" fillId="2" borderId="55" xfId="0" applyFont="1" applyFill="1" applyBorder="1" applyAlignment="1" applyProtection="1">
      <alignment horizontal="center" vertical="center" textRotation="255"/>
    </xf>
    <xf numFmtId="0" fontId="1" fillId="0" borderId="34" xfId="0" applyFont="1" applyBorder="1" applyAlignment="1" applyProtection="1">
      <alignment horizontal="center" vertical="center"/>
    </xf>
    <xf numFmtId="0" fontId="1" fillId="0" borderId="35" xfId="0" applyFont="1" applyBorder="1" applyAlignment="1" applyProtection="1">
      <alignment horizontal="center" vertical="center"/>
    </xf>
    <xf numFmtId="0" fontId="1" fillId="0" borderId="36" xfId="0" applyFont="1" applyBorder="1" applyAlignment="1" applyProtection="1">
      <alignment horizontal="center" vertical="center"/>
    </xf>
    <xf numFmtId="49" fontId="8" fillId="3" borderId="34" xfId="0" applyNumberFormat="1" applyFont="1" applyFill="1" applyBorder="1" applyAlignment="1" applyProtection="1">
      <alignment horizontal="center" vertical="center" shrinkToFit="1"/>
      <protection locked="0"/>
    </xf>
    <xf numFmtId="49" fontId="8" fillId="3" borderId="35" xfId="0" applyNumberFormat="1" applyFont="1" applyFill="1" applyBorder="1" applyAlignment="1" applyProtection="1">
      <alignment horizontal="center" vertical="center" shrinkToFit="1"/>
      <protection locked="0"/>
    </xf>
    <xf numFmtId="0" fontId="1" fillId="3" borderId="70" xfId="0" applyFont="1" applyFill="1" applyBorder="1" applyAlignment="1" applyProtection="1">
      <alignment horizontal="center" vertical="center"/>
      <protection locked="0"/>
    </xf>
    <xf numFmtId="0" fontId="1" fillId="4" borderId="66" xfId="0" applyFont="1" applyFill="1" applyBorder="1" applyAlignment="1" applyProtection="1">
      <alignment horizontal="left" vertical="center" wrapText="1"/>
    </xf>
    <xf numFmtId="0" fontId="1" fillId="4" borderId="67" xfId="0" applyFont="1" applyFill="1" applyBorder="1" applyAlignment="1" applyProtection="1">
      <alignment horizontal="left" vertical="center" wrapText="1"/>
    </xf>
    <xf numFmtId="0" fontId="1" fillId="4" borderId="68" xfId="0" applyFont="1" applyFill="1" applyBorder="1" applyAlignment="1" applyProtection="1">
      <alignment horizontal="left" vertical="center" wrapText="1"/>
    </xf>
    <xf numFmtId="0" fontId="1" fillId="0" borderId="31" xfId="0" applyFont="1" applyFill="1" applyBorder="1" applyAlignment="1" applyProtection="1">
      <alignment horizontal="center" vertical="center"/>
    </xf>
    <xf numFmtId="0" fontId="1" fillId="0" borderId="29" xfId="0" applyFont="1" applyBorder="1" applyAlignment="1" applyProtection="1">
      <alignment horizontal="center" vertical="center"/>
    </xf>
    <xf numFmtId="49" fontId="8" fillId="3" borderId="7" xfId="0" applyNumberFormat="1" applyFont="1" applyFill="1" applyBorder="1" applyAlignment="1" applyProtection="1">
      <alignment horizontal="center" vertical="center" wrapText="1" shrinkToFit="1"/>
      <protection locked="0"/>
    </xf>
    <xf numFmtId="49" fontId="8" fillId="0" borderId="8" xfId="0" applyNumberFormat="1" applyFont="1" applyBorder="1" applyAlignment="1" applyProtection="1">
      <alignment vertical="center" wrapText="1" shrinkToFit="1"/>
      <protection locked="0"/>
    </xf>
    <xf numFmtId="49" fontId="8" fillId="0" borderId="43" xfId="0" applyNumberFormat="1" applyFont="1" applyBorder="1" applyAlignment="1" applyProtection="1">
      <alignment vertical="center" wrapText="1" shrinkToFit="1"/>
      <protection locked="0"/>
    </xf>
    <xf numFmtId="49" fontId="8" fillId="0" borderId="10" xfId="0" applyNumberFormat="1" applyFont="1" applyBorder="1" applyAlignment="1" applyProtection="1">
      <alignment vertical="center" wrapText="1" shrinkToFit="1"/>
      <protection locked="0"/>
    </xf>
    <xf numFmtId="49" fontId="8" fillId="0" borderId="1" xfId="0" applyNumberFormat="1" applyFont="1" applyBorder="1" applyAlignment="1" applyProtection="1">
      <alignment vertical="center" wrapText="1" shrinkToFit="1"/>
      <protection locked="0"/>
    </xf>
    <xf numFmtId="49" fontId="8" fillId="0" borderId="21" xfId="0" applyNumberFormat="1" applyFont="1" applyBorder="1" applyAlignment="1" applyProtection="1">
      <alignment vertical="center" wrapText="1" shrinkToFit="1"/>
      <protection locked="0"/>
    </xf>
    <xf numFmtId="0" fontId="1" fillId="0" borderId="84" xfId="0" applyFont="1" applyBorder="1" applyAlignment="1" applyProtection="1">
      <alignment horizontal="left" vertical="center" wrapText="1"/>
    </xf>
    <xf numFmtId="0" fontId="1" fillId="0" borderId="5" xfId="0" applyFont="1" applyBorder="1" applyAlignment="1" applyProtection="1">
      <alignment horizontal="left" vertical="center" wrapText="1"/>
    </xf>
    <xf numFmtId="0" fontId="1" fillId="0" borderId="6" xfId="0" applyFont="1" applyBorder="1" applyAlignment="1" applyProtection="1">
      <alignment horizontal="left" vertical="center" wrapText="1"/>
    </xf>
    <xf numFmtId="0" fontId="1" fillId="0" borderId="85" xfId="0" applyFont="1" applyBorder="1" applyAlignment="1" applyProtection="1">
      <alignment horizontal="left" vertical="center" wrapText="1"/>
    </xf>
    <xf numFmtId="0" fontId="1" fillId="0" borderId="102" xfId="0" applyFont="1" applyBorder="1" applyAlignment="1" applyProtection="1">
      <alignment horizontal="left" vertical="center" wrapText="1"/>
    </xf>
    <xf numFmtId="0" fontId="1" fillId="0" borderId="103" xfId="0" applyFont="1" applyBorder="1" applyAlignment="1" applyProtection="1">
      <alignment horizontal="left" vertical="center" wrapText="1"/>
    </xf>
    <xf numFmtId="0" fontId="1" fillId="0" borderId="104" xfId="0" applyFont="1" applyBorder="1" applyAlignment="1" applyProtection="1">
      <alignment horizontal="left" vertical="center" wrapText="1"/>
    </xf>
    <xf numFmtId="177" fontId="0" fillId="3" borderId="78" xfId="0" applyNumberFormat="1" applyFont="1" applyFill="1" applyBorder="1" applyAlignment="1" applyProtection="1">
      <alignment horizontal="center" vertical="center" shrinkToFit="1"/>
      <protection locked="0"/>
    </xf>
    <xf numFmtId="177" fontId="0" fillId="3" borderId="0" xfId="0" applyNumberFormat="1" applyFont="1" applyFill="1" applyBorder="1" applyAlignment="1" applyProtection="1">
      <alignment horizontal="center" vertical="center" shrinkToFit="1"/>
      <protection locked="0"/>
    </xf>
    <xf numFmtId="177" fontId="0" fillId="3" borderId="49" xfId="0" applyNumberFormat="1" applyFont="1" applyFill="1" applyBorder="1" applyAlignment="1" applyProtection="1">
      <alignment horizontal="center" vertical="center" shrinkToFit="1"/>
      <protection locked="0"/>
    </xf>
    <xf numFmtId="177" fontId="1" fillId="3" borderId="4" xfId="0" applyNumberFormat="1" applyFont="1" applyFill="1" applyBorder="1" applyAlignment="1" applyProtection="1">
      <alignment horizontal="center" vertical="center" shrinkToFit="1"/>
      <protection locked="0"/>
    </xf>
    <xf numFmtId="177" fontId="1" fillId="3" borderId="5" xfId="0" applyNumberFormat="1" applyFont="1" applyFill="1" applyBorder="1" applyAlignment="1" applyProtection="1">
      <alignment horizontal="center" vertical="center" shrinkToFit="1"/>
      <protection locked="0"/>
    </xf>
    <xf numFmtId="0" fontId="1" fillId="0" borderId="64" xfId="0" applyFont="1" applyBorder="1" applyAlignment="1" applyProtection="1">
      <alignment horizontal="center" vertical="center" wrapText="1"/>
    </xf>
    <xf numFmtId="0" fontId="1" fillId="0" borderId="51" xfId="0" applyFont="1" applyBorder="1" applyAlignment="1" applyProtection="1">
      <alignment horizontal="center" vertical="center" wrapText="1"/>
    </xf>
    <xf numFmtId="0" fontId="1" fillId="0" borderId="71" xfId="0" applyFont="1" applyBorder="1" applyAlignment="1" applyProtection="1">
      <alignment horizontal="center" vertical="center" wrapText="1"/>
    </xf>
    <xf numFmtId="0" fontId="1" fillId="0" borderId="18" xfId="0" applyFont="1" applyBorder="1" applyAlignment="1" applyProtection="1">
      <alignment horizontal="center" vertical="center" wrapText="1"/>
    </xf>
    <xf numFmtId="0" fontId="1" fillId="0" borderId="0" xfId="0" applyFont="1" applyBorder="1" applyAlignment="1" applyProtection="1">
      <alignment horizontal="center" vertical="center" wrapText="1"/>
    </xf>
    <xf numFmtId="0" fontId="1" fillId="0" borderId="72" xfId="0" applyFont="1" applyBorder="1" applyAlignment="1" applyProtection="1">
      <alignment horizontal="center" vertical="center" wrapText="1"/>
    </xf>
    <xf numFmtId="0" fontId="1" fillId="0" borderId="82" xfId="0" applyFont="1" applyBorder="1" applyAlignment="1" applyProtection="1">
      <alignment horizontal="center" vertical="center" wrapText="1"/>
    </xf>
    <xf numFmtId="0" fontId="1" fillId="0" borderId="80" xfId="0" applyFont="1" applyBorder="1" applyAlignment="1" applyProtection="1">
      <alignment horizontal="center" vertical="center" wrapText="1"/>
    </xf>
    <xf numFmtId="0" fontId="1" fillId="0" borderId="81" xfId="0" applyFont="1" applyBorder="1" applyAlignment="1" applyProtection="1">
      <alignment horizontal="center" vertical="center" wrapText="1"/>
    </xf>
    <xf numFmtId="0" fontId="1" fillId="3" borderId="73" xfId="0" applyFont="1" applyFill="1" applyBorder="1" applyAlignment="1" applyProtection="1">
      <alignment horizontal="center" vertical="center"/>
      <protection locked="0"/>
    </xf>
    <xf numFmtId="0" fontId="1" fillId="3" borderId="74" xfId="0" applyFont="1" applyFill="1" applyBorder="1" applyAlignment="1" applyProtection="1">
      <alignment horizontal="center" vertical="center"/>
      <protection locked="0"/>
    </xf>
    <xf numFmtId="0" fontId="1" fillId="4" borderId="75" xfId="0" applyFont="1" applyFill="1" applyBorder="1" applyAlignment="1" applyProtection="1">
      <alignment horizontal="left" vertical="center" wrapText="1"/>
    </xf>
    <xf numFmtId="0" fontId="1" fillId="4" borderId="76" xfId="0" applyFont="1" applyFill="1" applyBorder="1" applyAlignment="1" applyProtection="1">
      <alignment horizontal="left" vertical="center" wrapText="1"/>
    </xf>
    <xf numFmtId="0" fontId="1" fillId="4" borderId="77" xfId="0" applyFont="1" applyFill="1" applyBorder="1" applyAlignment="1" applyProtection="1">
      <alignment horizontal="left" vertical="center" wrapText="1"/>
    </xf>
    <xf numFmtId="0" fontId="1" fillId="0" borderId="79" xfId="0" applyFont="1" applyBorder="1" applyAlignment="1" applyProtection="1">
      <alignment horizontal="center" vertical="center" wrapText="1"/>
    </xf>
    <xf numFmtId="0" fontId="1" fillId="0" borderId="88" xfId="0" applyFont="1" applyBorder="1" applyAlignment="1" applyProtection="1">
      <alignment horizontal="left" vertical="center" wrapText="1"/>
    </xf>
    <xf numFmtId="0" fontId="1" fillId="0" borderId="89" xfId="0" applyFont="1" applyBorder="1" applyAlignment="1" applyProtection="1">
      <alignment horizontal="left" vertical="center" wrapText="1"/>
    </xf>
    <xf numFmtId="0" fontId="1" fillId="0" borderId="91" xfId="0" applyFont="1" applyBorder="1" applyAlignment="1" applyProtection="1">
      <alignment horizontal="center" vertical="center" wrapText="1"/>
    </xf>
    <xf numFmtId="0" fontId="1" fillId="0" borderId="117" xfId="0" applyFont="1" applyBorder="1" applyAlignment="1" applyProtection="1">
      <alignment horizontal="center" vertical="center" wrapText="1"/>
    </xf>
    <xf numFmtId="0" fontId="1" fillId="5" borderId="118" xfId="0" applyFont="1" applyFill="1" applyBorder="1" applyAlignment="1" applyProtection="1">
      <alignment horizontal="center" vertical="center" wrapText="1"/>
    </xf>
    <xf numFmtId="0" fontId="1" fillId="5" borderId="90" xfId="0" applyFont="1" applyFill="1" applyBorder="1" applyAlignment="1" applyProtection="1">
      <alignment horizontal="center" vertical="center" wrapText="1"/>
    </xf>
    <xf numFmtId="0" fontId="3" fillId="5" borderId="7" xfId="0" applyFont="1" applyFill="1" applyBorder="1" applyAlignment="1">
      <alignment horizontal="center" vertical="center" wrapText="1"/>
    </xf>
    <xf numFmtId="0" fontId="3" fillId="5" borderId="10" xfId="0" applyFont="1" applyFill="1" applyBorder="1" applyAlignment="1">
      <alignment horizontal="center" vertical="center" wrapText="1"/>
    </xf>
    <xf numFmtId="0" fontId="3" fillId="5" borderId="8" xfId="0" applyFont="1" applyFill="1" applyBorder="1" applyAlignment="1">
      <alignment horizontal="center" vertical="center" wrapText="1"/>
    </xf>
    <xf numFmtId="0" fontId="3" fillId="5" borderId="1" xfId="0" applyFont="1" applyFill="1" applyBorder="1" applyAlignment="1">
      <alignment horizontal="center" vertical="center" wrapText="1"/>
    </xf>
    <xf numFmtId="0" fontId="3" fillId="5" borderId="9" xfId="0" applyFont="1" applyFill="1" applyBorder="1" applyAlignment="1">
      <alignment horizontal="center" vertical="center" wrapText="1"/>
    </xf>
    <xf numFmtId="0" fontId="3" fillId="5" borderId="11" xfId="0" applyFont="1" applyFill="1" applyBorder="1" applyAlignment="1">
      <alignment horizontal="center" vertical="center" wrapText="1"/>
    </xf>
    <xf numFmtId="0" fontId="3" fillId="5" borderId="0" xfId="0" applyFont="1" applyFill="1" applyBorder="1" applyAlignment="1">
      <alignment horizontal="center" vertical="center" wrapText="1"/>
    </xf>
    <xf numFmtId="49" fontId="3" fillId="5" borderId="4" xfId="0" applyNumberFormat="1" applyFont="1" applyFill="1" applyBorder="1" applyAlignment="1">
      <alignment horizontal="center" vertical="center"/>
    </xf>
    <xf numFmtId="0" fontId="3" fillId="5" borderId="6" xfId="0" applyFont="1" applyFill="1" applyBorder="1" applyAlignment="1">
      <alignment horizontal="center" vertical="center"/>
    </xf>
    <xf numFmtId="0" fontId="3" fillId="5" borderId="3" xfId="0" applyFont="1" applyFill="1" applyBorder="1" applyAlignment="1">
      <alignment horizontal="center" vertical="center" shrinkToFit="1"/>
    </xf>
    <xf numFmtId="0" fontId="3" fillId="5" borderId="3" xfId="0" applyFont="1" applyFill="1" applyBorder="1" applyAlignment="1">
      <alignment horizontal="center" vertical="center"/>
    </xf>
    <xf numFmtId="0" fontId="40" fillId="7" borderId="7" xfId="0" applyFont="1" applyFill="1" applyBorder="1" applyAlignment="1">
      <alignment horizontal="center" vertical="center" wrapText="1"/>
    </xf>
    <xf numFmtId="0" fontId="40" fillId="7" borderId="8" xfId="0" applyFont="1" applyFill="1" applyBorder="1" applyAlignment="1">
      <alignment horizontal="center" vertical="center" wrapText="1"/>
    </xf>
    <xf numFmtId="0" fontId="40" fillId="7" borderId="9" xfId="0" applyFont="1" applyFill="1" applyBorder="1" applyAlignment="1">
      <alignment horizontal="center" vertical="center" wrapText="1"/>
    </xf>
    <xf numFmtId="0" fontId="40" fillId="7" borderId="12" xfId="0" applyFont="1" applyFill="1" applyBorder="1" applyAlignment="1">
      <alignment horizontal="center" vertical="center" wrapText="1"/>
    </xf>
    <xf numFmtId="0" fontId="40" fillId="7" borderId="0" xfId="0" applyFont="1" applyFill="1" applyBorder="1" applyAlignment="1">
      <alignment horizontal="center" vertical="center" wrapText="1"/>
    </xf>
    <xf numFmtId="0" fontId="40" fillId="7" borderId="2" xfId="0" applyFont="1" applyFill="1" applyBorder="1" applyAlignment="1">
      <alignment horizontal="center" vertical="center" wrapText="1"/>
    </xf>
    <xf numFmtId="0" fontId="40" fillId="7" borderId="10" xfId="0" applyFont="1" applyFill="1" applyBorder="1" applyAlignment="1">
      <alignment horizontal="center" vertical="center" wrapText="1"/>
    </xf>
    <xf numFmtId="0" fontId="40" fillId="7" borderId="1" xfId="0" applyFont="1" applyFill="1" applyBorder="1" applyAlignment="1">
      <alignment horizontal="center" vertical="center" wrapText="1"/>
    </xf>
    <xf numFmtId="0" fontId="40" fillId="7" borderId="11" xfId="0" applyFont="1" applyFill="1" applyBorder="1" applyAlignment="1">
      <alignment horizontal="center" vertical="center" wrapText="1"/>
    </xf>
    <xf numFmtId="49" fontId="3" fillId="0" borderId="7" xfId="0" applyNumberFormat="1"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 xfId="0" applyFont="1" applyBorder="1" applyAlignment="1">
      <alignment horizontal="center" vertical="center"/>
    </xf>
    <xf numFmtId="0" fontId="3" fillId="0" borderId="11" xfId="0" applyFont="1" applyBorder="1" applyAlignment="1">
      <alignment horizontal="center" vertical="center"/>
    </xf>
    <xf numFmtId="0" fontId="3" fillId="5" borderId="0" xfId="0" applyFont="1" applyFill="1" applyBorder="1" applyAlignment="1">
      <alignment horizontal="center" vertical="center" shrinkToFit="1"/>
    </xf>
    <xf numFmtId="0" fontId="3" fillId="5" borderId="12" xfId="0" applyFont="1" applyFill="1" applyBorder="1" applyAlignment="1">
      <alignment horizontal="center" vertical="center" shrinkToFit="1"/>
    </xf>
    <xf numFmtId="0" fontId="3" fillId="5" borderId="2" xfId="0" applyFont="1" applyFill="1" applyBorder="1" applyAlignment="1">
      <alignment horizontal="center" vertical="center" shrinkToFit="1"/>
    </xf>
    <xf numFmtId="0" fontId="3" fillId="5" borderId="8" xfId="0" applyFont="1" applyFill="1" applyBorder="1" applyAlignment="1">
      <alignment horizontal="center" vertical="center" shrinkToFit="1"/>
    </xf>
    <xf numFmtId="0" fontId="3" fillId="5" borderId="7" xfId="0" applyFont="1" applyFill="1" applyBorder="1" applyAlignment="1">
      <alignment horizontal="center" vertical="center" shrinkToFit="1"/>
    </xf>
    <xf numFmtId="0" fontId="3" fillId="5" borderId="9" xfId="0" applyFont="1" applyFill="1" applyBorder="1" applyAlignment="1">
      <alignment horizontal="center" vertical="center" shrinkToFit="1"/>
    </xf>
    <xf numFmtId="0" fontId="3" fillId="5" borderId="10" xfId="0" applyFont="1" applyFill="1" applyBorder="1" applyAlignment="1">
      <alignment horizontal="center" vertical="center" shrinkToFit="1"/>
    </xf>
    <xf numFmtId="0" fontId="3" fillId="5" borderId="1" xfId="0" applyFont="1" applyFill="1" applyBorder="1" applyAlignment="1">
      <alignment horizontal="center" vertical="center" shrinkToFit="1"/>
    </xf>
    <xf numFmtId="0" fontId="3" fillId="5" borderId="11" xfId="0" applyFont="1" applyFill="1" applyBorder="1" applyAlignment="1">
      <alignment horizontal="center" vertical="center" shrinkToFit="1"/>
    </xf>
    <xf numFmtId="0" fontId="34" fillId="7" borderId="3" xfId="0" applyFont="1" applyFill="1" applyBorder="1" applyAlignment="1">
      <alignment horizontal="center" vertical="center" wrapText="1"/>
    </xf>
    <xf numFmtId="0" fontId="7" fillId="5" borderId="3" xfId="0" applyFont="1" applyFill="1" applyBorder="1" applyAlignment="1">
      <alignment horizontal="center" vertical="center" shrinkToFit="1"/>
    </xf>
    <xf numFmtId="0" fontId="7" fillId="5" borderId="0" xfId="0" applyFont="1" applyFill="1" applyBorder="1" applyAlignment="1">
      <alignment horizontal="center" vertical="center"/>
    </xf>
    <xf numFmtId="0" fontId="7" fillId="5" borderId="0" xfId="0" applyFont="1" applyFill="1" applyBorder="1" applyAlignment="1">
      <alignment horizontal="center" vertical="center" wrapText="1"/>
    </xf>
    <xf numFmtId="0" fontId="3" fillId="2" borderId="3" xfId="0" applyFont="1" applyFill="1" applyBorder="1" applyAlignment="1">
      <alignment horizontal="center" vertical="center" wrapText="1"/>
    </xf>
    <xf numFmtId="0" fontId="3" fillId="0" borderId="3"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4" xfId="0" applyFont="1" applyFill="1" applyBorder="1" applyAlignment="1">
      <alignment horizontal="center" vertical="center" wrapText="1"/>
    </xf>
    <xf numFmtId="0" fontId="3" fillId="0" borderId="3" xfId="0" applyFont="1" applyBorder="1" applyAlignment="1">
      <alignment horizontal="center" vertical="center"/>
    </xf>
    <xf numFmtId="49" fontId="3" fillId="0" borderId="3" xfId="0" applyNumberFormat="1" applyFont="1" applyBorder="1" applyAlignment="1">
      <alignment horizontal="center" vertical="center"/>
    </xf>
    <xf numFmtId="0" fontId="3" fillId="2" borderId="5" xfId="0" applyFont="1" applyFill="1" applyBorder="1" applyAlignment="1">
      <alignment horizontal="center" vertical="center"/>
    </xf>
    <xf numFmtId="0" fontId="3" fillId="2" borderId="6" xfId="0" applyFont="1" applyFill="1" applyBorder="1" applyAlignment="1">
      <alignment horizontal="center" vertical="center"/>
    </xf>
    <xf numFmtId="0" fontId="3" fillId="2" borderId="5"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5" borderId="12" xfId="0" applyFont="1" applyFill="1" applyBorder="1" applyAlignment="1">
      <alignment horizontal="left" vertical="center" wrapText="1"/>
    </xf>
    <xf numFmtId="0" fontId="3" fillId="5" borderId="0" xfId="0" applyFont="1" applyFill="1" applyBorder="1" applyAlignment="1">
      <alignment horizontal="left" vertical="center" wrapText="1"/>
    </xf>
    <xf numFmtId="0" fontId="7" fillId="5" borderId="3" xfId="0" applyFont="1" applyFill="1" applyBorder="1" applyAlignment="1">
      <alignment horizontal="center" vertical="center" wrapText="1"/>
    </xf>
    <xf numFmtId="0" fontId="3" fillId="5" borderId="3" xfId="0" applyFont="1" applyFill="1" applyBorder="1" applyAlignment="1">
      <alignment horizontal="left" vertical="center" shrinkToFit="1"/>
    </xf>
    <xf numFmtId="0" fontId="3" fillId="5" borderId="4" xfId="0" applyFont="1" applyFill="1" applyBorder="1" applyAlignment="1">
      <alignment horizontal="left" vertical="center" shrinkToFit="1"/>
    </xf>
    <xf numFmtId="0" fontId="3" fillId="5" borderId="13" xfId="0" applyFont="1" applyFill="1" applyBorder="1" applyAlignment="1">
      <alignment horizontal="left" vertical="center" shrinkToFit="1"/>
    </xf>
    <xf numFmtId="0" fontId="3" fillId="5" borderId="12" xfId="0" applyFont="1" applyFill="1" applyBorder="1" applyAlignment="1">
      <alignment horizontal="left" vertical="center" shrinkToFit="1"/>
    </xf>
    <xf numFmtId="0" fontId="3" fillId="5" borderId="0" xfId="0" applyFont="1" applyFill="1" applyBorder="1" applyAlignment="1">
      <alignment horizontal="left" vertical="center" shrinkToFit="1"/>
    </xf>
    <xf numFmtId="0" fontId="3" fillId="5" borderId="2" xfId="0" applyFont="1" applyFill="1" applyBorder="1" applyAlignment="1">
      <alignment horizontal="left" vertical="center" shrinkToFit="1"/>
    </xf>
    <xf numFmtId="0" fontId="3" fillId="5" borderId="5" xfId="0" applyFont="1" applyFill="1" applyBorder="1" applyAlignment="1">
      <alignment horizontal="left" vertical="center" shrinkToFit="1"/>
    </xf>
    <xf numFmtId="0" fontId="3" fillId="5" borderId="6" xfId="0" applyFont="1" applyFill="1" applyBorder="1" applyAlignment="1">
      <alignment horizontal="left" vertical="center" shrinkToFit="1"/>
    </xf>
    <xf numFmtId="0" fontId="3" fillId="5" borderId="12" xfId="0" applyFont="1" applyFill="1" applyBorder="1" applyAlignment="1">
      <alignment horizontal="center" vertical="center" wrapText="1"/>
    </xf>
    <xf numFmtId="0" fontId="0" fillId="3" borderId="10" xfId="0" applyNumberFormat="1" applyFont="1" applyFill="1" applyBorder="1" applyAlignment="1" applyProtection="1">
      <alignment horizontal="center" vertical="center" shrinkToFit="1"/>
      <protection locked="0"/>
    </xf>
    <xf numFmtId="0" fontId="0" fillId="3" borderId="1" xfId="0" applyNumberFormat="1" applyFont="1" applyFill="1" applyBorder="1" applyAlignment="1" applyProtection="1">
      <alignment horizontal="center" vertical="center" shrinkToFit="1"/>
      <protection locked="0"/>
    </xf>
    <xf numFmtId="0" fontId="3" fillId="0" borderId="3" xfId="0" applyNumberFormat="1" applyFont="1" applyFill="1" applyBorder="1" applyAlignment="1">
      <alignment horizontal="center" vertical="center"/>
    </xf>
    <xf numFmtId="0" fontId="17" fillId="2" borderId="3" xfId="0" applyFont="1" applyFill="1" applyBorder="1" applyAlignment="1">
      <alignment horizontal="left" vertical="center" wrapText="1"/>
    </xf>
    <xf numFmtId="0" fontId="3" fillId="5" borderId="5" xfId="0" applyNumberFormat="1" applyFont="1" applyFill="1" applyBorder="1" applyAlignment="1">
      <alignment horizontal="center" vertical="center"/>
    </xf>
    <xf numFmtId="0" fontId="3" fillId="5" borderId="6" xfId="0" applyNumberFormat="1" applyFont="1" applyFill="1" applyBorder="1" applyAlignment="1">
      <alignment horizontal="center" vertical="center"/>
    </xf>
    <xf numFmtId="49" fontId="7" fillId="5" borderId="4" xfId="0" applyNumberFormat="1" applyFont="1" applyFill="1" applyBorder="1" applyAlignment="1">
      <alignment horizontal="center" vertical="center"/>
    </xf>
    <xf numFmtId="0" fontId="7" fillId="5" borderId="5" xfId="0" applyNumberFormat="1" applyFont="1" applyFill="1" applyBorder="1" applyAlignment="1">
      <alignment horizontal="center" vertical="center"/>
    </xf>
    <xf numFmtId="0" fontId="7" fillId="5" borderId="6" xfId="0" applyNumberFormat="1" applyFont="1" applyFill="1" applyBorder="1" applyAlignment="1">
      <alignment horizontal="center" vertical="center"/>
    </xf>
    <xf numFmtId="0" fontId="7" fillId="5" borderId="3" xfId="0" applyFont="1" applyFill="1" applyBorder="1" applyAlignment="1">
      <alignment horizontal="center" vertical="center"/>
    </xf>
    <xf numFmtId="49" fontId="3" fillId="5" borderId="4" xfId="0" applyNumberFormat="1" applyFont="1" applyFill="1" applyBorder="1" applyAlignment="1">
      <alignment horizontal="center" vertical="center" wrapText="1"/>
    </xf>
    <xf numFmtId="0" fontId="3" fillId="5" borderId="5" xfId="0" applyNumberFormat="1" applyFont="1" applyFill="1" applyBorder="1" applyAlignment="1">
      <alignment horizontal="center" vertical="center" wrapText="1"/>
    </xf>
    <xf numFmtId="0" fontId="3" fillId="5" borderId="6" xfId="0" applyNumberFormat="1" applyFont="1" applyFill="1" applyBorder="1" applyAlignment="1">
      <alignment horizontal="center" vertical="center" wrapText="1"/>
    </xf>
    <xf numFmtId="0" fontId="3" fillId="5" borderId="7" xfId="0" applyNumberFormat="1" applyFont="1" applyFill="1" applyBorder="1" applyAlignment="1">
      <alignment horizontal="center" vertical="center" wrapText="1"/>
    </xf>
    <xf numFmtId="0" fontId="3" fillId="5" borderId="8" xfId="0" applyNumberFormat="1" applyFont="1" applyFill="1" applyBorder="1" applyAlignment="1">
      <alignment horizontal="center" vertical="center" wrapText="1"/>
    </xf>
    <xf numFmtId="0" fontId="3" fillId="5" borderId="9" xfId="0" applyNumberFormat="1" applyFont="1" applyFill="1" applyBorder="1" applyAlignment="1">
      <alignment horizontal="center" vertical="center" wrapText="1"/>
    </xf>
    <xf numFmtId="0" fontId="3" fillId="5" borderId="10" xfId="0" applyNumberFormat="1" applyFont="1" applyFill="1" applyBorder="1" applyAlignment="1">
      <alignment horizontal="center" vertical="center" wrapText="1"/>
    </xf>
    <xf numFmtId="0" fontId="3" fillId="5" borderId="1" xfId="0" applyNumberFormat="1" applyFont="1" applyFill="1" applyBorder="1" applyAlignment="1">
      <alignment horizontal="center" vertical="center" wrapText="1"/>
    </xf>
    <xf numFmtId="0" fontId="3" fillId="5" borderId="11" xfId="0" applyNumberFormat="1" applyFont="1" applyFill="1" applyBorder="1" applyAlignment="1">
      <alignment horizontal="center" vertical="center" wrapText="1"/>
    </xf>
    <xf numFmtId="0" fontId="3" fillId="5" borderId="5" xfId="0" applyFont="1" applyFill="1" applyBorder="1" applyAlignment="1">
      <alignment horizontal="center" vertical="center"/>
    </xf>
    <xf numFmtId="0" fontId="3" fillId="5" borderId="8" xfId="0" applyFont="1" applyFill="1" applyBorder="1" applyAlignment="1">
      <alignment horizontal="center" vertical="center"/>
    </xf>
    <xf numFmtId="0" fontId="3" fillId="5" borderId="4" xfId="0" applyNumberFormat="1" applyFont="1" applyFill="1" applyBorder="1" applyAlignment="1">
      <alignment horizontal="center" vertical="center"/>
    </xf>
    <xf numFmtId="0" fontId="3" fillId="5" borderId="7" xfId="0" applyFont="1" applyFill="1" applyBorder="1" applyAlignment="1">
      <alignment horizontal="center" vertical="center"/>
    </xf>
    <xf numFmtId="0" fontId="3" fillId="5" borderId="9" xfId="0" applyFont="1" applyFill="1" applyBorder="1" applyAlignment="1">
      <alignment horizontal="center" vertical="center"/>
    </xf>
    <xf numFmtId="0" fontId="3" fillId="5" borderId="12" xfId="0" applyFont="1" applyFill="1" applyBorder="1" applyAlignment="1">
      <alignment horizontal="center" vertical="center"/>
    </xf>
    <xf numFmtId="0" fontId="3" fillId="5" borderId="0" xfId="0" applyFont="1" applyFill="1" applyBorder="1" applyAlignment="1">
      <alignment horizontal="center" vertical="center"/>
    </xf>
    <xf numFmtId="0" fontId="3" fillId="5" borderId="2" xfId="0" applyFont="1" applyFill="1" applyBorder="1" applyAlignment="1">
      <alignment horizontal="center" vertical="center"/>
    </xf>
    <xf numFmtId="0" fontId="40" fillId="0" borderId="7" xfId="0" applyFont="1" applyFill="1" applyBorder="1" applyAlignment="1">
      <alignment horizontal="center" vertical="center" wrapText="1"/>
    </xf>
    <xf numFmtId="0" fontId="40" fillId="0" borderId="8" xfId="0" applyFont="1" applyFill="1" applyBorder="1" applyAlignment="1">
      <alignment horizontal="center" vertical="center" wrapText="1"/>
    </xf>
    <xf numFmtId="0" fontId="40" fillId="0" borderId="9" xfId="0" applyFont="1" applyFill="1" applyBorder="1" applyAlignment="1">
      <alignment horizontal="center" vertical="center" wrapText="1"/>
    </xf>
    <xf numFmtId="0" fontId="40" fillId="0" borderId="10" xfId="0" applyFont="1" applyFill="1" applyBorder="1" applyAlignment="1">
      <alignment horizontal="center" vertical="center" wrapText="1"/>
    </xf>
    <xf numFmtId="0" fontId="40" fillId="0" borderId="1" xfId="0" applyFont="1" applyFill="1" applyBorder="1" applyAlignment="1">
      <alignment horizontal="center" vertical="center" wrapText="1"/>
    </xf>
    <xf numFmtId="0" fontId="40" fillId="0" borderId="11" xfId="0" applyFont="1" applyFill="1" applyBorder="1" applyAlignment="1">
      <alignment horizontal="center" vertical="center" wrapText="1"/>
    </xf>
    <xf numFmtId="0" fontId="7" fillId="5" borderId="0" xfId="0" applyFont="1" applyFill="1" applyBorder="1" applyAlignment="1">
      <alignment vertical="top" wrapText="1"/>
    </xf>
    <xf numFmtId="0" fontId="7" fillId="5" borderId="0" xfId="0" applyNumberFormat="1" applyFont="1" applyFill="1" applyBorder="1" applyAlignment="1">
      <alignment vertical="center"/>
    </xf>
    <xf numFmtId="0" fontId="41" fillId="5" borderId="0" xfId="0" applyFont="1" applyFill="1" applyBorder="1" applyAlignment="1">
      <alignment horizontal="center" vertical="center"/>
    </xf>
    <xf numFmtId="0" fontId="40" fillId="5" borderId="0" xfId="0" applyFont="1" applyFill="1" applyBorder="1" applyAlignment="1">
      <alignment horizontal="left" vertical="center" indent="1" shrinkToFit="1"/>
    </xf>
    <xf numFmtId="0" fontId="8" fillId="5" borderId="0" xfId="0" applyFont="1" applyFill="1" applyBorder="1" applyAlignment="1">
      <alignment vertical="center"/>
    </xf>
    <xf numFmtId="0" fontId="41" fillId="5" borderId="0" xfId="0" applyFont="1" applyFill="1" applyBorder="1" applyAlignment="1">
      <alignment vertical="center"/>
    </xf>
    <xf numFmtId="0" fontId="3" fillId="0" borderId="0" xfId="0" applyFont="1" applyBorder="1" applyAlignment="1">
      <alignment vertical="center"/>
    </xf>
    <xf numFmtId="0" fontId="3" fillId="0" borderId="7" xfId="0" applyNumberFormat="1" applyFont="1" applyFill="1" applyBorder="1" applyAlignment="1">
      <alignment horizontal="center" vertical="center" wrapText="1"/>
    </xf>
    <xf numFmtId="0" fontId="3" fillId="0" borderId="8" xfId="0" applyNumberFormat="1" applyFont="1" applyFill="1" applyBorder="1" applyAlignment="1">
      <alignment horizontal="center" vertical="center" wrapText="1"/>
    </xf>
    <xf numFmtId="0" fontId="3" fillId="0" borderId="9" xfId="0" applyNumberFormat="1" applyFont="1" applyFill="1" applyBorder="1" applyAlignment="1">
      <alignment horizontal="center" vertical="center" wrapText="1"/>
    </xf>
    <xf numFmtId="0" fontId="3" fillId="0" borderId="10" xfId="0" applyNumberFormat="1" applyFont="1" applyFill="1" applyBorder="1" applyAlignment="1">
      <alignment horizontal="center" vertical="center" wrapText="1"/>
    </xf>
    <xf numFmtId="0" fontId="3" fillId="0" borderId="1" xfId="0" applyNumberFormat="1" applyFont="1" applyFill="1" applyBorder="1" applyAlignment="1">
      <alignment horizontal="center" vertical="center" wrapText="1"/>
    </xf>
    <xf numFmtId="0" fontId="3" fillId="0" borderId="11" xfId="0" applyNumberFormat="1" applyFont="1" applyFill="1" applyBorder="1" applyAlignment="1">
      <alignment horizontal="center" vertical="center" wrapText="1"/>
    </xf>
    <xf numFmtId="0" fontId="3" fillId="0" borderId="7" xfId="0" applyFont="1" applyFill="1" applyBorder="1" applyAlignment="1">
      <alignment horizontal="center" vertical="center" wrapText="1"/>
    </xf>
    <xf numFmtId="0" fontId="3" fillId="0" borderId="8" xfId="0" applyFont="1" applyFill="1" applyBorder="1" applyAlignment="1">
      <alignment horizontal="center" vertical="center" wrapText="1"/>
    </xf>
    <xf numFmtId="0" fontId="3" fillId="0" borderId="9" xfId="0" applyFont="1" applyFill="1" applyBorder="1" applyAlignment="1">
      <alignment horizontal="center" vertical="center" wrapText="1"/>
    </xf>
    <xf numFmtId="0" fontId="3" fillId="0" borderId="10"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3" fillId="0" borderId="11" xfId="0" applyFont="1" applyFill="1" applyBorder="1" applyAlignment="1">
      <alignment horizontal="center" vertical="center" wrapText="1"/>
    </xf>
    <xf numFmtId="0" fontId="7" fillId="5" borderId="12" xfId="0" applyFont="1" applyFill="1" applyBorder="1" applyAlignment="1">
      <alignment horizontal="center" vertical="center" wrapText="1"/>
    </xf>
    <xf numFmtId="0" fontId="7" fillId="5" borderId="6" xfId="0" applyFont="1" applyFill="1" applyBorder="1" applyAlignment="1">
      <alignment horizontal="center" vertical="center"/>
    </xf>
    <xf numFmtId="0" fontId="40" fillId="5" borderId="3" xfId="0" applyFont="1" applyFill="1" applyBorder="1" applyAlignment="1">
      <alignment horizontal="center" vertical="center"/>
    </xf>
    <xf numFmtId="0" fontId="40" fillId="5" borderId="3" xfId="0" applyFont="1" applyFill="1" applyBorder="1" applyAlignment="1">
      <alignment horizontal="center" vertical="center" wrapText="1"/>
    </xf>
    <xf numFmtId="0" fontId="7" fillId="2" borderId="3" xfId="0" applyFont="1" applyFill="1" applyBorder="1" applyAlignment="1">
      <alignment horizontal="center" vertical="center"/>
    </xf>
    <xf numFmtId="0" fontId="7" fillId="2" borderId="3" xfId="0" applyFont="1" applyFill="1" applyBorder="1" applyAlignment="1">
      <alignment horizontal="center" vertical="center" wrapText="1"/>
    </xf>
    <xf numFmtId="0" fontId="7" fillId="0" borderId="3" xfId="0" applyFont="1" applyBorder="1" applyAlignment="1">
      <alignment horizontal="center" vertical="center"/>
    </xf>
    <xf numFmtId="0" fontId="7" fillId="0" borderId="3" xfId="0" applyFont="1" applyBorder="1" applyAlignment="1">
      <alignment horizontal="center" vertical="center" wrapText="1"/>
    </xf>
    <xf numFmtId="0" fontId="7" fillId="0" borderId="5" xfId="0" applyFont="1" applyBorder="1" applyAlignment="1">
      <alignment horizontal="left" vertical="center" wrapText="1"/>
    </xf>
    <xf numFmtId="0" fontId="7" fillId="0" borderId="6" xfId="0" applyFont="1" applyBorder="1" applyAlignment="1">
      <alignment horizontal="left" vertical="center" wrapText="1"/>
    </xf>
    <xf numFmtId="0" fontId="7" fillId="5" borderId="12" xfId="0" applyFont="1" applyFill="1" applyBorder="1" applyAlignment="1">
      <alignment vertical="center"/>
    </xf>
    <xf numFmtId="0" fontId="7" fillId="5" borderId="4" xfId="0" applyFont="1" applyFill="1" applyBorder="1" applyAlignment="1">
      <alignment horizontal="center" vertical="center" shrinkToFit="1"/>
    </xf>
    <xf numFmtId="0" fontId="7" fillId="5" borderId="5" xfId="0" applyFont="1" applyFill="1" applyBorder="1" applyAlignment="1">
      <alignment horizontal="center" vertical="center" shrinkToFit="1"/>
    </xf>
    <xf numFmtId="0" fontId="7" fillId="5" borderId="6" xfId="0" applyFont="1" applyFill="1" applyBorder="1" applyAlignment="1">
      <alignment horizontal="center" vertical="center" shrinkToFit="1"/>
    </xf>
    <xf numFmtId="0" fontId="7" fillId="5" borderId="0" xfId="0" applyFont="1" applyFill="1" applyBorder="1" applyAlignment="1">
      <alignment horizontal="left" vertical="center" wrapText="1"/>
    </xf>
    <xf numFmtId="0" fontId="7" fillId="5" borderId="3" xfId="0" applyFont="1" applyFill="1" applyBorder="1" applyAlignment="1">
      <alignment horizontal="center" vertical="center" wrapText="1" shrinkToFit="1"/>
    </xf>
    <xf numFmtId="0" fontId="7" fillId="5" borderId="8" xfId="0" applyFont="1" applyFill="1" applyBorder="1" applyAlignment="1">
      <alignment horizontal="center" vertical="center" shrinkToFit="1"/>
    </xf>
    <xf numFmtId="0" fontId="7" fillId="5" borderId="8" xfId="0" applyFont="1" applyFill="1" applyBorder="1" applyAlignment="1">
      <alignment vertical="center" shrinkToFit="1"/>
    </xf>
    <xf numFmtId="0" fontId="7" fillId="5" borderId="9" xfId="0" applyFont="1" applyFill="1" applyBorder="1" applyAlignment="1">
      <alignment vertical="center" shrinkToFit="1"/>
    </xf>
    <xf numFmtId="0" fontId="7" fillId="2" borderId="7" xfId="0" applyFont="1" applyFill="1" applyBorder="1" applyAlignment="1">
      <alignment horizontal="center" vertical="center" wrapText="1"/>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6" xfId="0" applyFont="1" applyFill="1" applyBorder="1" applyAlignment="1">
      <alignment horizontal="center" vertical="center"/>
    </xf>
    <xf numFmtId="49" fontId="7" fillId="5" borderId="4" xfId="0" applyNumberFormat="1" applyFont="1" applyFill="1" applyBorder="1" applyAlignment="1">
      <alignment horizontal="center" vertical="center" shrinkToFit="1"/>
    </xf>
    <xf numFmtId="0" fontId="7" fillId="2" borderId="13" xfId="0" applyFont="1" applyFill="1" applyBorder="1" applyAlignment="1">
      <alignment horizontal="center" vertical="center" shrinkToFit="1"/>
    </xf>
    <xf numFmtId="0" fontId="7" fillId="5" borderId="13" xfId="0" applyFont="1" applyFill="1" applyBorder="1" applyAlignment="1">
      <alignment horizontal="center" vertical="center" shrinkToFit="1"/>
    </xf>
    <xf numFmtId="0" fontId="7" fillId="5" borderId="7" xfId="0" applyFont="1" applyFill="1" applyBorder="1" applyAlignment="1">
      <alignment horizontal="center" vertical="center" shrinkToFit="1"/>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5" borderId="7" xfId="0" applyFont="1" applyFill="1" applyBorder="1" applyAlignment="1">
      <alignment vertical="top" wrapText="1"/>
    </xf>
    <xf numFmtId="49" fontId="7" fillId="5" borderId="8" xfId="0" applyNumberFormat="1" applyFont="1" applyFill="1" applyBorder="1" applyAlignment="1">
      <alignment horizontal="left" vertical="top" wrapText="1"/>
    </xf>
    <xf numFmtId="0" fontId="7" fillId="5" borderId="8" xfId="0" applyFont="1" applyFill="1" applyBorder="1" applyAlignment="1">
      <alignment horizontal="left" vertical="top" wrapText="1"/>
    </xf>
    <xf numFmtId="0" fontId="7" fillId="5" borderId="9" xfId="0" applyFont="1" applyFill="1" applyBorder="1" applyAlignment="1">
      <alignment horizontal="left" vertical="top" wrapText="1"/>
    </xf>
    <xf numFmtId="0" fontId="7" fillId="2" borderId="10"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11" xfId="0" applyFont="1" applyFill="1" applyBorder="1" applyAlignment="1">
      <alignment horizontal="center" vertical="center"/>
    </xf>
    <xf numFmtId="49" fontId="7" fillId="5" borderId="10" xfId="0" applyNumberFormat="1" applyFont="1" applyFill="1" applyBorder="1" applyAlignment="1">
      <alignment horizontal="left" vertical="top" wrapText="1"/>
    </xf>
    <xf numFmtId="0" fontId="7" fillId="5" borderId="1" xfId="0" applyFont="1" applyFill="1" applyBorder="1" applyAlignment="1">
      <alignment horizontal="left" vertical="top" wrapText="1"/>
    </xf>
    <xf numFmtId="0" fontId="7" fillId="5" borderId="11" xfId="0" applyFont="1" applyFill="1" applyBorder="1" applyAlignment="1">
      <alignment horizontal="left" vertical="top" wrapText="1"/>
    </xf>
    <xf numFmtId="0" fontId="7" fillId="2" borderId="4"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7" fillId="5" borderId="4" xfId="0" applyFont="1" applyFill="1" applyBorder="1" applyAlignment="1">
      <alignment horizontal="center" vertical="center" wrapText="1"/>
    </xf>
    <xf numFmtId="0" fontId="7" fillId="5" borderId="5" xfId="0" applyFont="1" applyFill="1" applyBorder="1" applyAlignment="1">
      <alignment horizontal="center" vertical="center" wrapText="1"/>
    </xf>
    <xf numFmtId="0" fontId="7" fillId="5" borderId="6" xfId="0" applyFont="1" applyFill="1" applyBorder="1" applyAlignment="1">
      <alignment horizontal="center" vertical="center" wrapText="1"/>
    </xf>
    <xf numFmtId="0" fontId="7" fillId="2" borderId="7" xfId="0" applyFont="1" applyFill="1" applyBorder="1" applyAlignment="1">
      <alignment horizontal="center" vertical="center" shrinkToFit="1"/>
    </xf>
    <xf numFmtId="0" fontId="7" fillId="2" borderId="8" xfId="0" applyFont="1" applyFill="1" applyBorder="1" applyAlignment="1">
      <alignment horizontal="center" vertical="center" shrinkToFit="1"/>
    </xf>
    <xf numFmtId="0" fontId="7" fillId="2" borderId="9" xfId="0" applyFont="1" applyFill="1" applyBorder="1" applyAlignment="1">
      <alignment horizontal="center" vertical="center" shrinkToFit="1"/>
    </xf>
    <xf numFmtId="0" fontId="7" fillId="2" borderId="4" xfId="0" applyFont="1" applyFill="1" applyBorder="1" applyAlignment="1">
      <alignment horizontal="center" vertical="center" shrinkToFit="1"/>
    </xf>
    <xf numFmtId="0" fontId="7" fillId="2" borderId="5" xfId="0" applyFont="1" applyFill="1" applyBorder="1" applyAlignment="1">
      <alignment horizontal="center" vertical="center" shrinkToFit="1"/>
    </xf>
    <xf numFmtId="0" fontId="7" fillId="2" borderId="6" xfId="0" applyFont="1" applyFill="1" applyBorder="1" applyAlignment="1">
      <alignment horizontal="center" vertical="center" shrinkToFit="1"/>
    </xf>
    <xf numFmtId="49" fontId="7" fillId="5" borderId="7" xfId="0" applyNumberFormat="1" applyFont="1" applyFill="1" applyBorder="1" applyAlignment="1">
      <alignment horizontal="center" vertical="center" wrapText="1"/>
    </xf>
    <xf numFmtId="0" fontId="7" fillId="2" borderId="10" xfId="0" applyFont="1" applyFill="1" applyBorder="1" applyAlignment="1">
      <alignment horizontal="center" vertical="center" shrinkToFit="1"/>
    </xf>
    <xf numFmtId="0" fontId="7" fillId="2" borderId="1" xfId="0" applyFont="1" applyFill="1" applyBorder="1" applyAlignment="1">
      <alignment horizontal="center" vertical="center" shrinkToFit="1"/>
    </xf>
    <xf numFmtId="0" fontId="7" fillId="2" borderId="11" xfId="0" applyFont="1" applyFill="1" applyBorder="1" applyAlignment="1">
      <alignment horizontal="center" vertical="center" shrinkToFit="1"/>
    </xf>
    <xf numFmtId="0" fontId="7" fillId="5" borderId="4" xfId="0" applyFont="1" applyFill="1" applyBorder="1" applyAlignment="1">
      <alignment vertical="center" wrapText="1"/>
    </xf>
    <xf numFmtId="0" fontId="7" fillId="5" borderId="5" xfId="0" applyFont="1" applyFill="1" applyBorder="1" applyAlignment="1">
      <alignment horizontal="left" vertical="center" wrapText="1"/>
    </xf>
    <xf numFmtId="0" fontId="7" fillId="5" borderId="6" xfId="0" applyFont="1" applyFill="1" applyBorder="1" applyAlignment="1">
      <alignment horizontal="left" vertical="center" wrapText="1"/>
    </xf>
    <xf numFmtId="0" fontId="7" fillId="2" borderId="13" xfId="0" applyFont="1" applyFill="1" applyBorder="1" applyAlignment="1">
      <alignment horizontal="center" vertical="center" wrapText="1"/>
    </xf>
    <xf numFmtId="0" fontId="7" fillId="5" borderId="1" xfId="0" applyFont="1" applyFill="1" applyBorder="1" applyAlignment="1">
      <alignment horizontal="center" vertical="center" wrapText="1"/>
    </xf>
    <xf numFmtId="0" fontId="7" fillId="5" borderId="4" xfId="0" applyFont="1" applyFill="1" applyBorder="1" applyAlignment="1">
      <alignment horizontal="left" vertical="top" wrapText="1"/>
    </xf>
    <xf numFmtId="0" fontId="7" fillId="5" borderId="5" xfId="0" applyFont="1" applyFill="1" applyBorder="1" applyAlignment="1">
      <alignment horizontal="left" vertical="top" wrapText="1"/>
    </xf>
    <xf numFmtId="0" fontId="7" fillId="5" borderId="6" xfId="0" applyFont="1" applyFill="1" applyBorder="1" applyAlignment="1">
      <alignment horizontal="left" vertical="top" wrapText="1"/>
    </xf>
    <xf numFmtId="49" fontId="7" fillId="5" borderId="3" xfId="0" applyNumberFormat="1" applyFont="1" applyFill="1" applyBorder="1" applyAlignment="1">
      <alignment horizontal="center" vertical="center"/>
    </xf>
    <xf numFmtId="0" fontId="7" fillId="5" borderId="3" xfId="0" applyNumberFormat="1" applyFont="1" applyFill="1" applyBorder="1" applyAlignment="1">
      <alignment horizontal="center" vertical="center"/>
    </xf>
    <xf numFmtId="0" fontId="7" fillId="5" borderId="7" xfId="0" applyFont="1" applyFill="1" applyBorder="1" applyAlignment="1">
      <alignment vertical="top"/>
    </xf>
    <xf numFmtId="49" fontId="7" fillId="5" borderId="8" xfId="0" applyNumberFormat="1" applyFont="1" applyFill="1" applyBorder="1" applyAlignment="1">
      <alignment horizontal="left" vertical="top"/>
    </xf>
    <xf numFmtId="0" fontId="7" fillId="5" borderId="8" xfId="0" applyFont="1" applyFill="1" applyBorder="1" applyAlignment="1">
      <alignment horizontal="left" vertical="top"/>
    </xf>
    <xf numFmtId="0" fontId="7" fillId="5" borderId="9" xfId="0" applyFont="1" applyFill="1" applyBorder="1" applyAlignment="1">
      <alignment horizontal="left" vertical="top"/>
    </xf>
    <xf numFmtId="49" fontId="7" fillId="5" borderId="10" xfId="0" applyNumberFormat="1" applyFont="1" applyFill="1" applyBorder="1" applyAlignment="1">
      <alignment horizontal="left" vertical="top"/>
    </xf>
    <xf numFmtId="0" fontId="7" fillId="5" borderId="1" xfId="0" applyFont="1" applyFill="1" applyBorder="1" applyAlignment="1">
      <alignment horizontal="left" vertical="top"/>
    </xf>
    <xf numFmtId="49" fontId="7" fillId="5" borderId="4" xfId="0" applyNumberFormat="1" applyFont="1" applyFill="1" applyBorder="1" applyAlignment="1">
      <alignment horizontal="left" vertical="center"/>
    </xf>
    <xf numFmtId="49" fontId="7" fillId="5" borderId="5" xfId="0" applyNumberFormat="1" applyFont="1" applyFill="1" applyBorder="1" applyAlignment="1">
      <alignment horizontal="left" vertical="center"/>
    </xf>
    <xf numFmtId="49" fontId="7" fillId="5" borderId="6" xfId="0" applyNumberFormat="1" applyFont="1" applyFill="1" applyBorder="1" applyAlignment="1">
      <alignment horizontal="left" vertical="center"/>
    </xf>
    <xf numFmtId="0" fontId="40" fillId="2" borderId="3" xfId="0" applyFont="1" applyFill="1" applyBorder="1" applyAlignment="1">
      <alignment horizontal="center" vertical="center"/>
    </xf>
    <xf numFmtId="0" fontId="8" fillId="0" borderId="3" xfId="0" applyFont="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7" borderId="3" xfId="0" applyFont="1" applyFill="1" applyBorder="1" applyAlignment="1">
      <alignment horizontal="center" vertical="center" wrapText="1"/>
    </xf>
    <xf numFmtId="0" fontId="8" fillId="7" borderId="3" xfId="0" applyFont="1" applyFill="1" applyBorder="1" applyAlignment="1">
      <alignment horizontal="center" vertical="center" wrapText="1" shrinkToFit="1"/>
    </xf>
    <xf numFmtId="0" fontId="8" fillId="7" borderId="3" xfId="0" applyFont="1" applyFill="1" applyBorder="1" applyAlignment="1">
      <alignment horizontal="center" vertical="center" shrinkToFit="1"/>
    </xf>
    <xf numFmtId="0" fontId="8" fillId="7" borderId="7" xfId="0" applyFont="1" applyFill="1" applyBorder="1" applyAlignment="1">
      <alignment horizontal="center" vertical="center"/>
    </xf>
    <xf numFmtId="0" fontId="8" fillId="7" borderId="8" xfId="0" applyFont="1" applyFill="1" applyBorder="1" applyAlignment="1">
      <alignment horizontal="center" vertical="center"/>
    </xf>
    <xf numFmtId="0" fontId="8" fillId="5" borderId="4" xfId="0" applyFont="1" applyFill="1" applyBorder="1" applyAlignment="1">
      <alignment horizontal="center" vertical="center" wrapText="1"/>
    </xf>
    <xf numFmtId="0" fontId="8" fillId="5" borderId="5" xfId="0" applyFont="1" applyFill="1" applyBorder="1" applyAlignment="1">
      <alignment horizontal="center" vertical="center" wrapText="1"/>
    </xf>
    <xf numFmtId="0" fontId="8" fillId="5" borderId="6" xfId="0" applyFont="1" applyFill="1" applyBorder="1" applyAlignment="1">
      <alignment horizontal="center" vertical="center" wrapText="1"/>
    </xf>
    <xf numFmtId="0" fontId="8" fillId="5" borderId="3" xfId="0" applyFont="1" applyFill="1" applyBorder="1" applyAlignment="1">
      <alignment horizontal="center" vertical="center" wrapText="1"/>
    </xf>
    <xf numFmtId="0" fontId="8" fillId="5" borderId="3" xfId="0" applyFont="1" applyFill="1" applyBorder="1" applyAlignment="1">
      <alignment horizontal="center" vertical="center"/>
    </xf>
    <xf numFmtId="0" fontId="8" fillId="5" borderId="3" xfId="0" applyFont="1" applyFill="1" applyBorder="1" applyAlignment="1">
      <alignment vertical="center"/>
    </xf>
    <xf numFmtId="0" fontId="8" fillId="2" borderId="3" xfId="0" applyFont="1" applyFill="1" applyBorder="1" applyAlignment="1">
      <alignment horizontal="left" vertical="center" wrapText="1"/>
    </xf>
    <xf numFmtId="0" fontId="8" fillId="2" borderId="3" xfId="0" applyFont="1" applyFill="1" applyBorder="1" applyAlignment="1">
      <alignment horizontal="left" vertical="center"/>
    </xf>
    <xf numFmtId="0" fontId="17" fillId="2" borderId="3" xfId="0" applyFont="1" applyFill="1" applyBorder="1" applyAlignment="1">
      <alignment horizontal="center" vertical="center" wrapText="1"/>
    </xf>
    <xf numFmtId="0" fontId="17" fillId="2" borderId="6" xfId="0" applyFont="1" applyFill="1" applyBorder="1" applyAlignment="1">
      <alignment horizontal="center" vertical="center" wrapText="1"/>
    </xf>
    <xf numFmtId="0" fontId="7" fillId="2" borderId="14" xfId="0" applyFont="1" applyFill="1" applyBorder="1" applyAlignment="1">
      <alignment horizontal="center" vertical="center"/>
    </xf>
    <xf numFmtId="0" fontId="8" fillId="2" borderId="6" xfId="0" applyFont="1" applyFill="1" applyBorder="1" applyAlignment="1">
      <alignment horizontal="left" vertical="center" wrapText="1"/>
    </xf>
    <xf numFmtId="0" fontId="8" fillId="2" borderId="7" xfId="0" applyFont="1" applyFill="1" applyBorder="1" applyAlignment="1">
      <alignment horizontal="left" vertical="center" wrapText="1"/>
    </xf>
    <xf numFmtId="0" fontId="8" fillId="2" borderId="8" xfId="0" applyFont="1" applyFill="1" applyBorder="1" applyAlignment="1">
      <alignment horizontal="left" vertical="center" wrapText="1"/>
    </xf>
    <xf numFmtId="0" fontId="8" fillId="2" borderId="9" xfId="0" applyFont="1" applyFill="1" applyBorder="1" applyAlignment="1">
      <alignment horizontal="left" vertical="center" wrapText="1"/>
    </xf>
    <xf numFmtId="0" fontId="8" fillId="2" borderId="10" xfId="0" applyFont="1" applyFill="1" applyBorder="1" applyAlignment="1">
      <alignment horizontal="left" vertical="center" wrapText="1"/>
    </xf>
    <xf numFmtId="0" fontId="8" fillId="2" borderId="1" xfId="0" applyFont="1" applyFill="1" applyBorder="1" applyAlignment="1">
      <alignment horizontal="left" vertical="center" wrapText="1"/>
    </xf>
    <xf numFmtId="0" fontId="8" fillId="2" borderId="11" xfId="0" applyFont="1" applyFill="1" applyBorder="1" applyAlignment="1">
      <alignment horizontal="left" vertical="center" wrapText="1"/>
    </xf>
    <xf numFmtId="49" fontId="7" fillId="8" borderId="4" xfId="0" applyNumberFormat="1" applyFont="1" applyFill="1" applyBorder="1" applyAlignment="1">
      <alignment horizontal="center" vertical="center"/>
    </xf>
    <xf numFmtId="0" fontId="7" fillId="8" borderId="5" xfId="0" applyNumberFormat="1" applyFont="1" applyFill="1" applyBorder="1" applyAlignment="1">
      <alignment horizontal="center" vertical="center"/>
    </xf>
    <xf numFmtId="0" fontId="7" fillId="8" borderId="6" xfId="0" applyNumberFormat="1" applyFont="1" applyFill="1" applyBorder="1" applyAlignment="1">
      <alignment horizontal="center" vertical="center"/>
    </xf>
    <xf numFmtId="49" fontId="3" fillId="8" borderId="4" xfId="0" applyNumberFormat="1" applyFont="1" applyFill="1" applyBorder="1" applyAlignment="1">
      <alignment horizontal="center" vertical="center" wrapText="1"/>
    </xf>
    <xf numFmtId="0" fontId="3" fillId="8" borderId="5" xfId="0" applyNumberFormat="1" applyFont="1" applyFill="1" applyBorder="1" applyAlignment="1">
      <alignment horizontal="center" vertical="center" wrapText="1"/>
    </xf>
    <xf numFmtId="0" fontId="3" fillId="8" borderId="6" xfId="0" applyNumberFormat="1" applyFont="1" applyFill="1" applyBorder="1" applyAlignment="1">
      <alignment horizontal="center" vertical="center" wrapText="1"/>
    </xf>
    <xf numFmtId="49" fontId="3" fillId="8" borderId="4" xfId="0" applyNumberFormat="1" applyFont="1" applyFill="1" applyBorder="1" applyAlignment="1">
      <alignment horizontal="center" vertical="center"/>
    </xf>
    <xf numFmtId="0" fontId="3" fillId="8" borderId="5" xfId="0" applyFont="1" applyFill="1" applyBorder="1" applyAlignment="1">
      <alignment horizontal="center" vertical="center"/>
    </xf>
    <xf numFmtId="0" fontId="3" fillId="8" borderId="8" xfId="0" applyFont="1" applyFill="1" applyBorder="1" applyAlignment="1">
      <alignment horizontal="center" vertical="center"/>
    </xf>
    <xf numFmtId="0" fontId="3" fillId="8" borderId="6" xfId="0" applyFont="1" applyFill="1" applyBorder="1" applyAlignment="1">
      <alignment horizontal="center" vertical="center"/>
    </xf>
    <xf numFmtId="0" fontId="3" fillId="8" borderId="5" xfId="0" applyNumberFormat="1" applyFont="1" applyFill="1" applyBorder="1" applyAlignment="1">
      <alignment horizontal="center" vertical="center"/>
    </xf>
    <xf numFmtId="0" fontId="3" fillId="8" borderId="6" xfId="0" applyNumberFormat="1" applyFont="1" applyFill="1" applyBorder="1" applyAlignment="1">
      <alignment horizontal="center" vertical="center"/>
    </xf>
    <xf numFmtId="0" fontId="1" fillId="0" borderId="0" xfId="0" applyFont="1" applyProtection="1">
      <alignment vertical="center"/>
      <protection locked="0"/>
    </xf>
    <xf numFmtId="0" fontId="9" fillId="5" borderId="0" xfId="0" applyFont="1" applyFill="1" applyProtection="1">
      <alignment vertical="center"/>
      <protection locked="0"/>
    </xf>
    <xf numFmtId="0" fontId="9" fillId="0" borderId="0" xfId="0" applyFont="1" applyFill="1" applyProtection="1">
      <alignment vertical="center"/>
      <protection locked="0"/>
    </xf>
    <xf numFmtId="0" fontId="0" fillId="0" borderId="0" xfId="0" applyProtection="1">
      <alignment vertical="center"/>
      <protection locked="0"/>
    </xf>
    <xf numFmtId="0" fontId="9" fillId="0" borderId="0" xfId="0" applyFont="1" applyProtection="1">
      <alignment vertical="center"/>
      <protection locked="0"/>
    </xf>
    <xf numFmtId="0" fontId="14" fillId="0" borderId="0" xfId="0" applyFont="1" applyProtection="1">
      <alignment vertical="center"/>
      <protection locked="0"/>
    </xf>
    <xf numFmtId="0" fontId="25" fillId="0" borderId="42" xfId="0" applyFont="1" applyBorder="1" applyAlignment="1" applyProtection="1">
      <alignment horizontal="left" vertical="center"/>
      <protection locked="0"/>
    </xf>
    <xf numFmtId="0" fontId="1" fillId="0" borderId="0" xfId="0" applyFont="1" applyBorder="1" applyAlignment="1" applyProtection="1">
      <alignment horizontal="center" vertical="center"/>
      <protection locked="0"/>
    </xf>
    <xf numFmtId="0" fontId="1" fillId="0" borderId="2" xfId="0" applyFont="1" applyBorder="1" applyProtection="1">
      <alignment vertical="center"/>
      <protection locked="0"/>
    </xf>
    <xf numFmtId="0" fontId="3" fillId="0" borderId="0" xfId="0" applyFont="1" applyAlignment="1" applyProtection="1">
      <alignment vertical="center"/>
      <protection locked="0"/>
    </xf>
    <xf numFmtId="0" fontId="14" fillId="0" borderId="0" xfId="0" applyFont="1" applyFill="1" applyProtection="1">
      <alignment vertical="center"/>
      <protection locked="0"/>
    </xf>
    <xf numFmtId="0" fontId="9" fillId="0" borderId="0" xfId="0" applyFont="1" applyFill="1" applyAlignment="1" applyProtection="1">
      <alignment vertical="center"/>
      <protection locked="0"/>
    </xf>
    <xf numFmtId="0" fontId="6" fillId="0" borderId="0" xfId="0" applyFont="1" applyAlignment="1" applyProtection="1">
      <alignment horizontal="right" vertical="center" wrapText="1"/>
      <protection locked="0"/>
    </xf>
    <xf numFmtId="0" fontId="17" fillId="0" borderId="0" xfId="0" applyFont="1" applyAlignment="1" applyProtection="1">
      <alignment horizontal="right" vertical="center" wrapText="1"/>
      <protection locked="0"/>
    </xf>
    <xf numFmtId="0" fontId="6" fillId="0" borderId="0" xfId="0" applyFont="1" applyFill="1" applyBorder="1" applyAlignment="1" applyProtection="1">
      <alignment horizontal="center" vertical="center" wrapText="1"/>
      <protection locked="0"/>
    </xf>
    <xf numFmtId="0" fontId="1" fillId="0" borderId="0" xfId="0" applyFont="1" applyAlignment="1" applyProtection="1">
      <alignment horizontal="left" vertical="center" wrapText="1"/>
      <protection locked="0"/>
    </xf>
    <xf numFmtId="0" fontId="1" fillId="0" borderId="44" xfId="0" applyFont="1" applyBorder="1" applyProtection="1">
      <alignment vertical="center"/>
      <protection locked="0"/>
    </xf>
    <xf numFmtId="0" fontId="1" fillId="0" borderId="0" xfId="0" applyFont="1" applyBorder="1" applyProtection="1">
      <alignment vertical="center"/>
      <protection locked="0"/>
    </xf>
    <xf numFmtId="0" fontId="14" fillId="5" borderId="0" xfId="0" applyFont="1" applyFill="1" applyProtection="1">
      <alignment vertical="center"/>
      <protection locked="0"/>
    </xf>
    <xf numFmtId="0" fontId="3" fillId="3" borderId="4" xfId="0" applyFont="1" applyFill="1" applyBorder="1" applyAlignment="1" applyProtection="1">
      <alignment horizontal="center" vertical="center"/>
      <protection locked="0"/>
    </xf>
    <xf numFmtId="0" fontId="3" fillId="3" borderId="5" xfId="0" applyFont="1" applyFill="1" applyBorder="1" applyAlignment="1" applyProtection="1">
      <alignment horizontal="center" vertical="center"/>
      <protection locked="0"/>
    </xf>
    <xf numFmtId="0" fontId="11" fillId="5" borderId="0" xfId="0" applyFont="1" applyFill="1" applyBorder="1" applyAlignment="1" applyProtection="1">
      <alignment horizontal="left" vertical="center" wrapText="1"/>
      <protection locked="0"/>
    </xf>
    <xf numFmtId="176" fontId="11" fillId="5" borderId="0" xfId="0" applyNumberFormat="1" applyFont="1" applyFill="1" applyBorder="1" applyAlignment="1" applyProtection="1">
      <alignment horizontal="left" vertical="center"/>
      <protection locked="0"/>
    </xf>
    <xf numFmtId="0" fontId="12" fillId="5" borderId="0" xfId="0" applyFont="1" applyFill="1" applyBorder="1" applyAlignment="1" applyProtection="1">
      <alignment horizontal="left" vertical="center"/>
      <protection locked="0"/>
    </xf>
    <xf numFmtId="0" fontId="9" fillId="0" borderId="0" xfId="0" applyFont="1" applyFill="1" applyAlignment="1" applyProtection="1">
      <alignment horizontal="left" vertical="center"/>
      <protection locked="0"/>
    </xf>
    <xf numFmtId="0" fontId="1" fillId="0" borderId="0" xfId="0" applyFont="1" applyFill="1" applyBorder="1" applyProtection="1">
      <alignment vertical="center"/>
      <protection locked="0"/>
    </xf>
    <xf numFmtId="0" fontId="0" fillId="0" borderId="0" xfId="0" applyFill="1" applyProtection="1">
      <alignment vertical="center"/>
      <protection locked="0"/>
    </xf>
    <xf numFmtId="0" fontId="1" fillId="0" borderId="0" xfId="0" applyFont="1" applyFill="1" applyProtection="1">
      <alignment vertical="center"/>
      <protection locked="0"/>
    </xf>
    <xf numFmtId="0" fontId="25" fillId="0" borderId="0" xfId="0" applyFont="1" applyBorder="1" applyAlignment="1" applyProtection="1">
      <alignment vertical="center"/>
      <protection locked="0"/>
    </xf>
    <xf numFmtId="0" fontId="25" fillId="0" borderId="44" xfId="0" applyFont="1" applyBorder="1" applyAlignment="1" applyProtection="1">
      <alignment vertical="center"/>
      <protection locked="0"/>
    </xf>
    <xf numFmtId="0" fontId="26" fillId="0" borderId="44" xfId="0" applyFont="1" applyBorder="1" applyAlignment="1" applyProtection="1">
      <alignment vertical="center"/>
      <protection locked="0"/>
    </xf>
    <xf numFmtId="0" fontId="11" fillId="0" borderId="0" xfId="0" applyFont="1" applyFill="1" applyProtection="1">
      <alignment vertical="center"/>
      <protection locked="0"/>
    </xf>
    <xf numFmtId="0" fontId="1" fillId="0" borderId="48" xfId="0" applyFont="1" applyBorder="1" applyProtection="1">
      <alignment vertical="center"/>
      <protection locked="0"/>
    </xf>
    <xf numFmtId="0" fontId="18" fillId="0" borderId="0" xfId="0" applyFont="1" applyBorder="1" applyAlignment="1" applyProtection="1">
      <alignment horizontal="center" vertical="center"/>
      <protection locked="0"/>
    </xf>
    <xf numFmtId="0" fontId="18" fillId="0" borderId="0" xfId="0" applyFont="1" applyBorder="1" applyAlignment="1" applyProtection="1">
      <alignment horizontal="center" vertical="center" wrapText="1"/>
      <protection locked="0"/>
    </xf>
    <xf numFmtId="0" fontId="18" fillId="0" borderId="0" xfId="0" applyFont="1" applyFill="1" applyBorder="1" applyAlignment="1" applyProtection="1">
      <alignment vertical="center" wrapText="1"/>
      <protection locked="0"/>
    </xf>
    <xf numFmtId="0" fontId="1" fillId="0" borderId="0" xfId="0" applyFont="1" applyFill="1" applyBorder="1" applyAlignment="1" applyProtection="1">
      <alignment vertical="center"/>
      <protection locked="0"/>
    </xf>
    <xf numFmtId="0" fontId="18" fillId="0" borderId="0" xfId="0" applyFont="1" applyFill="1" applyBorder="1" applyAlignment="1" applyProtection="1">
      <alignment horizontal="left" vertical="center" wrapText="1"/>
      <protection locked="0"/>
    </xf>
    <xf numFmtId="0" fontId="9" fillId="0" borderId="0" xfId="0" applyFont="1" applyFill="1" applyBorder="1" applyAlignment="1" applyProtection="1">
      <alignment horizontal="justify" vertical="center"/>
      <protection locked="0"/>
    </xf>
    <xf numFmtId="0" fontId="18" fillId="0" borderId="0" xfId="0" applyFont="1" applyFill="1" applyBorder="1" applyAlignment="1" applyProtection="1">
      <alignment horizontal="center" vertical="center" wrapText="1"/>
      <protection locked="0"/>
    </xf>
    <xf numFmtId="0" fontId="1" fillId="0" borderId="0" xfId="0" applyFont="1" applyBorder="1" applyAlignment="1" applyProtection="1">
      <alignment horizontal="left" vertical="center"/>
      <protection locked="0"/>
    </xf>
    <xf numFmtId="0" fontId="1" fillId="0" borderId="48" xfId="0" applyFont="1" applyBorder="1" applyAlignment="1" applyProtection="1">
      <alignment horizontal="left" vertical="center"/>
      <protection locked="0"/>
    </xf>
    <xf numFmtId="0" fontId="9" fillId="5" borderId="0" xfId="0" applyFont="1" applyFill="1" applyBorder="1" applyProtection="1">
      <alignment vertical="center"/>
      <protection locked="0"/>
    </xf>
    <xf numFmtId="0" fontId="1" fillId="0" borderId="34" xfId="0" applyFont="1" applyBorder="1" applyAlignment="1" applyProtection="1">
      <alignment horizontal="center" vertical="center"/>
      <protection locked="0"/>
    </xf>
    <xf numFmtId="0" fontId="1" fillId="0" borderId="35" xfId="0" applyFont="1" applyBorder="1" applyAlignment="1" applyProtection="1">
      <alignment horizontal="center" vertical="center"/>
      <protection locked="0"/>
    </xf>
    <xf numFmtId="0" fontId="14" fillId="5" borderId="50" xfId="0" applyFont="1" applyFill="1" applyBorder="1" applyAlignment="1" applyProtection="1">
      <alignment horizontal="left" vertical="top" wrapText="1"/>
      <protection locked="0"/>
    </xf>
    <xf numFmtId="0" fontId="14" fillId="5" borderId="0" xfId="0" applyFont="1" applyFill="1" applyBorder="1" applyAlignment="1" applyProtection="1">
      <alignment horizontal="left" vertical="top" wrapText="1"/>
      <protection locked="0"/>
    </xf>
    <xf numFmtId="0" fontId="25" fillId="0" borderId="62" xfId="0" applyFont="1" applyFill="1" applyBorder="1" applyAlignment="1" applyProtection="1">
      <alignment horizontal="center" vertical="center"/>
      <protection locked="0"/>
    </xf>
    <xf numFmtId="0" fontId="25" fillId="0" borderId="63" xfId="0" applyFont="1" applyFill="1" applyBorder="1" applyAlignment="1" applyProtection="1">
      <alignment horizontal="center" vertical="center"/>
      <protection locked="0"/>
    </xf>
    <xf numFmtId="0" fontId="25" fillId="0" borderId="44" xfId="0" applyFont="1" applyFill="1" applyBorder="1" applyAlignment="1" applyProtection="1">
      <alignment horizontal="center" vertical="center"/>
      <protection locked="0"/>
    </xf>
    <xf numFmtId="0" fontId="38" fillId="0" borderId="0" xfId="0" applyFont="1" applyFill="1" applyBorder="1" applyAlignment="1" applyProtection="1">
      <alignment horizontal="left" vertical="top" wrapText="1"/>
      <protection locked="0"/>
    </xf>
    <xf numFmtId="0" fontId="39" fillId="0" borderId="0" xfId="0" applyFont="1" applyFill="1" applyProtection="1">
      <alignment vertical="center"/>
      <protection locked="0"/>
    </xf>
    <xf numFmtId="0" fontId="28" fillId="0" borderId="0" xfId="0" applyFont="1" applyFill="1" applyProtection="1">
      <alignment vertical="center"/>
      <protection locked="0"/>
    </xf>
    <xf numFmtId="0" fontId="38" fillId="0" borderId="0" xfId="0" applyFont="1" applyFill="1" applyProtection="1">
      <alignment vertical="center"/>
      <protection locked="0"/>
    </xf>
    <xf numFmtId="0" fontId="8" fillId="0" borderId="0" xfId="0" applyFont="1" applyFill="1" applyBorder="1" applyAlignment="1" applyProtection="1">
      <alignment horizontal="center" vertical="center"/>
      <protection locked="0"/>
    </xf>
    <xf numFmtId="0" fontId="8" fillId="0" borderId="48" xfId="0" applyFont="1" applyFill="1" applyBorder="1" applyAlignment="1" applyProtection="1">
      <alignment horizontal="center" vertical="center"/>
      <protection locked="0"/>
    </xf>
    <xf numFmtId="0" fontId="36" fillId="0" borderId="0" xfId="0" applyFont="1" applyFill="1" applyBorder="1" applyAlignment="1" applyProtection="1">
      <alignment horizontal="left" vertical="top" wrapText="1"/>
      <protection locked="0"/>
    </xf>
    <xf numFmtId="0" fontId="37" fillId="0" borderId="0" xfId="0" applyFont="1" applyFill="1" applyProtection="1">
      <alignment vertical="center"/>
      <protection locked="0"/>
    </xf>
    <xf numFmtId="0" fontId="35" fillId="0" borderId="0" xfId="0" applyFont="1" applyFill="1" applyProtection="1">
      <alignment vertical="center"/>
      <protection locked="0"/>
    </xf>
    <xf numFmtId="0" fontId="36" fillId="0" borderId="0" xfId="0" applyFont="1" applyFill="1" applyProtection="1">
      <alignment vertical="center"/>
      <protection locked="0"/>
    </xf>
    <xf numFmtId="0" fontId="14" fillId="5" borderId="18" xfId="0" applyFont="1" applyFill="1" applyBorder="1" applyAlignment="1" applyProtection="1">
      <alignment horizontal="left" vertical="center" wrapText="1"/>
      <protection locked="0"/>
    </xf>
    <xf numFmtId="0" fontId="14" fillId="5" borderId="0" xfId="0" applyFont="1" applyFill="1" applyBorder="1" applyAlignment="1" applyProtection="1">
      <alignment horizontal="left" vertical="center" wrapText="1"/>
      <protection locked="0"/>
    </xf>
    <xf numFmtId="0" fontId="11" fillId="5" borderId="0" xfId="0" applyFont="1" applyFill="1" applyAlignment="1" applyProtection="1">
      <alignment vertical="top" wrapText="1"/>
      <protection locked="0"/>
    </xf>
    <xf numFmtId="0" fontId="14" fillId="5" borderId="0" xfId="0" applyFont="1" applyFill="1" applyBorder="1" applyAlignment="1" applyProtection="1">
      <alignment horizontal="left" vertical="center" wrapText="1"/>
      <protection locked="0"/>
    </xf>
    <xf numFmtId="0" fontId="14" fillId="5" borderId="50" xfId="0" applyFont="1" applyFill="1" applyBorder="1" applyAlignment="1" applyProtection="1">
      <alignment horizontal="left" vertical="center" wrapText="1"/>
      <protection locked="0"/>
    </xf>
    <xf numFmtId="0" fontId="1" fillId="0" borderId="49" xfId="0" applyFont="1" applyBorder="1" applyProtection="1">
      <alignment vertical="center"/>
      <protection locked="0"/>
    </xf>
    <xf numFmtId="0" fontId="1" fillId="3" borderId="115" xfId="0" applyFont="1" applyFill="1" applyBorder="1" applyAlignment="1" applyProtection="1">
      <alignment horizontal="center" vertical="center" wrapText="1"/>
      <protection locked="0"/>
    </xf>
    <xf numFmtId="0" fontId="1" fillId="3" borderId="5" xfId="0" applyFont="1" applyFill="1" applyBorder="1" applyAlignment="1" applyProtection="1">
      <alignment horizontal="center" vertical="center" wrapText="1"/>
      <protection locked="0"/>
    </xf>
    <xf numFmtId="0" fontId="1" fillId="3" borderId="116" xfId="0" applyFont="1" applyFill="1" applyBorder="1" applyAlignment="1" applyProtection="1">
      <alignment horizontal="center" vertical="center" wrapText="1"/>
      <protection locked="0"/>
    </xf>
    <xf numFmtId="0" fontId="1" fillId="3" borderId="3" xfId="0" applyFont="1" applyFill="1" applyBorder="1" applyAlignment="1" applyProtection="1">
      <alignment horizontal="center" vertical="center" wrapText="1"/>
      <protection locked="0"/>
    </xf>
    <xf numFmtId="0" fontId="15" fillId="0" borderId="0" xfId="0" applyFont="1" applyFill="1" applyBorder="1" applyAlignment="1" applyProtection="1">
      <alignment vertical="center" wrapText="1"/>
      <protection locked="0"/>
    </xf>
    <xf numFmtId="0" fontId="11" fillId="0" borderId="0" xfId="0" applyFont="1" applyFill="1" applyBorder="1" applyAlignment="1" applyProtection="1">
      <alignment horizontal="left" vertical="center" wrapText="1"/>
      <protection locked="0"/>
    </xf>
    <xf numFmtId="0" fontId="9" fillId="0" borderId="0" xfId="0" applyFont="1" applyFill="1" applyBorder="1" applyProtection="1">
      <alignment vertical="center"/>
      <protection locked="0"/>
    </xf>
    <xf numFmtId="0" fontId="11" fillId="0" borderId="0" xfId="0" applyFont="1" applyFill="1" applyBorder="1" applyAlignment="1" applyProtection="1">
      <alignment horizontal="left" vertical="center"/>
      <protection locked="0"/>
    </xf>
    <xf numFmtId="0" fontId="1" fillId="3" borderId="101" xfId="0" applyFont="1" applyFill="1" applyBorder="1" applyAlignment="1" applyProtection="1">
      <alignment horizontal="center" vertical="center" wrapText="1"/>
      <protection locked="0"/>
    </xf>
    <xf numFmtId="0" fontId="1" fillId="3" borderId="87" xfId="0" applyFont="1" applyFill="1" applyBorder="1" applyAlignment="1" applyProtection="1">
      <alignment horizontal="center" vertical="center" wrapText="1"/>
      <protection locked="0"/>
    </xf>
    <xf numFmtId="0" fontId="1" fillId="3" borderId="86" xfId="0" applyFont="1" applyFill="1" applyBorder="1" applyAlignment="1" applyProtection="1">
      <alignment horizontal="center" vertical="center" wrapText="1"/>
      <protection locked="0"/>
    </xf>
    <xf numFmtId="0" fontId="25" fillId="0" borderId="44" xfId="0" applyFont="1" applyBorder="1" applyAlignment="1" applyProtection="1">
      <alignment horizontal="left" vertical="center"/>
      <protection locked="0"/>
    </xf>
    <xf numFmtId="0" fontId="25" fillId="0" borderId="63" xfId="0" applyFont="1" applyBorder="1" applyAlignment="1" applyProtection="1">
      <alignment horizontal="left" vertical="center"/>
      <protection locked="0"/>
    </xf>
    <xf numFmtId="0" fontId="1" fillId="0" borderId="51" xfId="0" applyFont="1" applyBorder="1" applyProtection="1">
      <alignment vertical="center"/>
      <protection locked="0"/>
    </xf>
    <xf numFmtId="0" fontId="12" fillId="5" borderId="0" xfId="0" applyFont="1" applyFill="1" applyAlignment="1" applyProtection="1">
      <alignment vertical="center"/>
      <protection locked="0"/>
    </xf>
    <xf numFmtId="176" fontId="11" fillId="5" borderId="0" xfId="0" applyNumberFormat="1" applyFont="1" applyFill="1" applyBorder="1" applyAlignment="1" applyProtection="1">
      <alignment vertical="center"/>
      <protection locked="0"/>
    </xf>
    <xf numFmtId="0" fontId="15" fillId="5" borderId="0" xfId="0" applyFont="1" applyFill="1" applyAlignment="1" applyProtection="1">
      <alignment vertical="center"/>
      <protection locked="0"/>
    </xf>
    <xf numFmtId="0" fontId="11" fillId="5" borderId="0" xfId="0" applyFont="1" applyFill="1" applyBorder="1" applyProtection="1">
      <alignment vertical="center"/>
      <protection locked="0"/>
    </xf>
    <xf numFmtId="0" fontId="1" fillId="5" borderId="42" xfId="0" applyFont="1" applyFill="1" applyBorder="1" applyAlignment="1" applyProtection="1">
      <alignment horizontal="center" vertical="center"/>
      <protection locked="0"/>
    </xf>
    <xf numFmtId="0" fontId="1" fillId="5" borderId="0" xfId="0" applyFont="1" applyFill="1" applyBorder="1" applyAlignment="1" applyProtection="1">
      <alignment horizontal="center" vertical="center" wrapText="1"/>
      <protection locked="0"/>
    </xf>
    <xf numFmtId="0" fontId="0" fillId="5" borderId="0" xfId="0" applyFill="1" applyProtection="1">
      <alignment vertical="center"/>
      <protection locked="0"/>
    </xf>
    <xf numFmtId="0" fontId="1" fillId="5" borderId="0" xfId="0" applyFont="1" applyFill="1" applyProtection="1">
      <alignment vertical="center"/>
      <protection locked="0"/>
    </xf>
    <xf numFmtId="0" fontId="1" fillId="5" borderId="52" xfId="0" applyFont="1" applyFill="1" applyBorder="1" applyAlignment="1" applyProtection="1">
      <alignment horizontal="center" vertical="center" wrapText="1"/>
      <protection locked="0"/>
    </xf>
    <xf numFmtId="0" fontId="15" fillId="5" borderId="0" xfId="0" applyFont="1" applyFill="1" applyProtection="1">
      <alignment vertical="center"/>
      <protection locked="0"/>
    </xf>
    <xf numFmtId="0" fontId="1" fillId="5" borderId="0" xfId="0" applyFont="1" applyFill="1" applyAlignment="1" applyProtection="1">
      <alignment horizontal="left" vertical="center" wrapText="1"/>
      <protection locked="0"/>
    </xf>
    <xf numFmtId="0" fontId="9" fillId="5" borderId="0" xfId="0" applyFont="1" applyFill="1" applyAlignment="1" applyProtection="1">
      <alignment vertical="center" wrapText="1"/>
      <protection locked="0"/>
    </xf>
    <xf numFmtId="0" fontId="8" fillId="5" borderId="0" xfId="0" applyFont="1" applyFill="1" applyBorder="1" applyAlignment="1" applyProtection="1">
      <alignment horizontal="center" vertical="center" textRotation="255"/>
      <protection locked="0"/>
    </xf>
    <xf numFmtId="0" fontId="5" fillId="5" borderId="0" xfId="0" applyFont="1" applyFill="1" applyBorder="1" applyAlignment="1" applyProtection="1">
      <alignment horizontal="left" vertical="center" wrapText="1"/>
      <protection locked="0"/>
    </xf>
    <xf numFmtId="0" fontId="1" fillId="0" borderId="42" xfId="0" applyFont="1" applyBorder="1" applyAlignment="1" applyProtection="1">
      <alignment horizontal="center" vertical="center"/>
      <protection locked="0"/>
    </xf>
    <xf numFmtId="49" fontId="14" fillId="5" borderId="0" xfId="0" applyNumberFormat="1" applyFont="1" applyFill="1" applyBorder="1" applyAlignment="1" applyProtection="1">
      <alignment horizontal="center" vertical="center" shrinkToFit="1"/>
      <protection locked="0"/>
    </xf>
    <xf numFmtId="0" fontId="15" fillId="5" borderId="0" xfId="0" applyFont="1" applyFill="1" applyBorder="1" applyProtection="1">
      <alignment vertical="center"/>
      <protection locked="0"/>
    </xf>
    <xf numFmtId="0" fontId="15" fillId="0" borderId="0" xfId="0" applyFont="1" applyFill="1" applyBorder="1" applyAlignment="1" applyProtection="1">
      <alignment horizontal="left" vertical="center" wrapText="1"/>
      <protection locked="0"/>
    </xf>
    <xf numFmtId="0" fontId="1" fillId="5" borderId="0" xfId="0" applyFont="1" applyFill="1" applyBorder="1" applyAlignment="1" applyProtection="1">
      <alignment horizontal="left" vertical="center" wrapText="1"/>
      <protection locked="0"/>
    </xf>
    <xf numFmtId="0" fontId="15" fillId="5" borderId="0" xfId="0" applyFont="1" applyFill="1" applyBorder="1" applyAlignment="1" applyProtection="1">
      <alignment horizontal="left" vertical="center" wrapText="1"/>
      <protection locked="0"/>
    </xf>
    <xf numFmtId="0" fontId="1" fillId="0" borderId="83" xfId="0" applyFont="1" applyBorder="1" applyAlignment="1" applyProtection="1">
      <alignment horizontal="left" vertical="top" wrapText="1"/>
      <protection locked="0"/>
    </xf>
    <xf numFmtId="0" fontId="1" fillId="0" borderId="84" xfId="0" applyFont="1" applyBorder="1" applyAlignment="1" applyProtection="1">
      <alignment horizontal="left" vertical="top" wrapText="1"/>
      <protection locked="0"/>
    </xf>
    <xf numFmtId="0" fontId="1" fillId="0" borderId="105" xfId="0" applyFont="1" applyBorder="1" applyAlignment="1" applyProtection="1">
      <alignment horizontal="left" vertical="top" wrapText="1"/>
      <protection locked="0"/>
    </xf>
    <xf numFmtId="0" fontId="1" fillId="0" borderId="0" xfId="0" applyFont="1" applyAlignment="1" applyProtection="1">
      <alignment vertical="top" wrapText="1"/>
      <protection locked="0"/>
    </xf>
    <xf numFmtId="0" fontId="1" fillId="0" borderId="0" xfId="0" applyFont="1" applyBorder="1" applyAlignment="1" applyProtection="1">
      <alignment vertical="top" wrapText="1"/>
      <protection locked="0"/>
    </xf>
    <xf numFmtId="0" fontId="27" fillId="3" borderId="31" xfId="0" applyFont="1" applyFill="1" applyBorder="1" applyAlignment="1" applyProtection="1">
      <alignment horizontal="center" vertical="center" shrinkToFit="1"/>
      <protection locked="0"/>
    </xf>
    <xf numFmtId="0" fontId="9" fillId="0" borderId="0" xfId="0" applyFont="1" applyFill="1" applyBorder="1" applyAlignment="1" applyProtection="1">
      <alignment horizontal="center" vertical="center"/>
      <protection locked="0"/>
    </xf>
    <xf numFmtId="0" fontId="9" fillId="0" borderId="0" xfId="0" applyFont="1" applyFill="1" applyBorder="1" applyAlignment="1" applyProtection="1">
      <alignment horizontal="left" vertical="center"/>
      <protection locked="0"/>
    </xf>
    <xf numFmtId="0" fontId="3" fillId="0" borderId="0" xfId="0" applyFont="1" applyFill="1" applyBorder="1" applyAlignment="1" applyProtection="1">
      <alignment horizontal="center" vertical="center"/>
      <protection locked="0"/>
    </xf>
    <xf numFmtId="0" fontId="11" fillId="0" borderId="0" xfId="0" applyFont="1" applyFill="1" applyBorder="1" applyAlignment="1" applyProtection="1">
      <alignment horizontal="center" vertical="center"/>
      <protection locked="0"/>
    </xf>
    <xf numFmtId="176" fontId="11" fillId="0" borderId="0" xfId="0" applyNumberFormat="1" applyFont="1" applyFill="1" applyBorder="1" applyAlignment="1" applyProtection="1">
      <alignment horizontal="center" vertical="center"/>
      <protection locked="0"/>
    </xf>
    <xf numFmtId="176" fontId="3" fillId="0" borderId="18" xfId="0" applyNumberFormat="1" applyFont="1" applyFill="1" applyBorder="1" applyAlignment="1" applyProtection="1">
      <alignment horizontal="left" vertical="center" wrapText="1"/>
      <protection locked="0"/>
    </xf>
    <xf numFmtId="176" fontId="3" fillId="0" borderId="0" xfId="0" applyNumberFormat="1" applyFont="1" applyFill="1" applyBorder="1" applyAlignment="1" applyProtection="1">
      <alignment horizontal="left" vertical="center" wrapText="1"/>
      <protection locked="0"/>
    </xf>
    <xf numFmtId="0" fontId="1" fillId="0" borderId="0" xfId="0" applyFont="1" applyFill="1" applyBorder="1" applyAlignment="1" applyProtection="1">
      <alignment horizontal="center" vertical="center" textRotation="255" wrapText="1"/>
      <protection locked="0"/>
    </xf>
    <xf numFmtId="0" fontId="12" fillId="0" borderId="0" xfId="0" applyFont="1" applyFill="1" applyBorder="1" applyAlignment="1" applyProtection="1">
      <alignment vertical="center"/>
      <protection locked="0"/>
    </xf>
    <xf numFmtId="176" fontId="11" fillId="0" borderId="0" xfId="0" applyNumberFormat="1" applyFont="1" applyFill="1" applyBorder="1" applyAlignment="1" applyProtection="1">
      <alignment vertical="center"/>
      <protection locked="0"/>
    </xf>
    <xf numFmtId="0" fontId="3" fillId="0" borderId="42" xfId="0" applyFont="1" applyBorder="1" applyAlignment="1" applyProtection="1">
      <alignment horizontal="center" vertical="center"/>
      <protection locked="0"/>
    </xf>
    <xf numFmtId="0" fontId="3" fillId="0" borderId="0" xfId="0" applyFont="1" applyBorder="1" applyAlignment="1" applyProtection="1">
      <alignment vertical="center"/>
      <protection locked="0"/>
    </xf>
    <xf numFmtId="0" fontId="3" fillId="0" borderId="0" xfId="0" applyFont="1" applyBorder="1" applyProtection="1">
      <alignment vertical="center"/>
      <protection locked="0"/>
    </xf>
    <xf numFmtId="0" fontId="11" fillId="5" borderId="0" xfId="0" applyFont="1" applyFill="1" applyProtection="1">
      <alignment vertical="center"/>
      <protection locked="0"/>
    </xf>
    <xf numFmtId="0" fontId="3" fillId="0" borderId="0" xfId="0" applyFont="1" applyProtection="1">
      <alignment vertical="center"/>
      <protection locked="0"/>
    </xf>
    <xf numFmtId="0" fontId="11" fillId="0" borderId="0" xfId="0" applyFont="1" applyProtection="1">
      <alignment vertical="center"/>
      <protection locked="0"/>
    </xf>
    <xf numFmtId="0" fontId="15" fillId="0" borderId="0" xfId="0" applyFont="1" applyProtection="1">
      <alignment vertical="center"/>
      <protection locked="0"/>
    </xf>
    <xf numFmtId="0" fontId="29" fillId="0" borderId="106" xfId="0" applyFont="1" applyBorder="1" applyAlignment="1" applyProtection="1">
      <alignment horizontal="left" vertical="center" wrapText="1"/>
      <protection locked="0"/>
    </xf>
    <xf numFmtId="0" fontId="29" fillId="0" borderId="107" xfId="0" applyFont="1" applyBorder="1" applyAlignment="1" applyProtection="1">
      <alignment horizontal="left" vertical="center" wrapText="1"/>
      <protection locked="0"/>
    </xf>
    <xf numFmtId="0" fontId="14" fillId="3" borderId="109" xfId="0" applyFont="1" applyFill="1" applyBorder="1" applyAlignment="1" applyProtection="1">
      <alignment horizontal="center" vertical="center"/>
      <protection locked="0"/>
    </xf>
    <xf numFmtId="0" fontId="15" fillId="3" borderId="107" xfId="0" applyFont="1" applyFill="1" applyBorder="1" applyAlignment="1" applyProtection="1">
      <alignment horizontal="center" vertical="center"/>
      <protection locked="0"/>
    </xf>
    <xf numFmtId="0" fontId="15" fillId="3" borderId="108" xfId="0" applyFont="1" applyFill="1" applyBorder="1" applyAlignment="1" applyProtection="1">
      <alignment horizontal="center" vertical="center"/>
      <protection locked="0"/>
    </xf>
    <xf numFmtId="0" fontId="25" fillId="0" borderId="0" xfId="0" applyFont="1" applyFill="1" applyBorder="1" applyAlignment="1" applyProtection="1">
      <alignment vertical="center"/>
      <protection locked="0"/>
    </xf>
    <xf numFmtId="0" fontId="29" fillId="0" borderId="0" xfId="0" applyFont="1" applyFill="1" applyBorder="1" applyAlignment="1" applyProtection="1">
      <alignment horizontal="left" vertical="center" wrapText="1"/>
      <protection locked="0"/>
    </xf>
    <xf numFmtId="0" fontId="3" fillId="0" borderId="42" xfId="0" applyFont="1" applyBorder="1" applyAlignment="1" applyProtection="1">
      <alignment vertical="center"/>
      <protection locked="0"/>
    </xf>
    <xf numFmtId="0" fontId="3" fillId="0" borderId="113" xfId="0" applyFont="1" applyBorder="1" applyAlignment="1" applyProtection="1">
      <alignment vertical="center"/>
      <protection locked="0"/>
    </xf>
    <xf numFmtId="0" fontId="3" fillId="0" borderId="42" xfId="0" applyFont="1" applyBorder="1" applyProtection="1">
      <alignment vertical="center"/>
      <protection locked="0"/>
    </xf>
    <xf numFmtId="0" fontId="3" fillId="0" borderId="110" xfId="0" applyFont="1" applyBorder="1" applyProtection="1">
      <alignment vertical="center"/>
      <protection locked="0"/>
    </xf>
    <xf numFmtId="0" fontId="3" fillId="0" borderId="114" xfId="0" applyFont="1" applyBorder="1" applyProtection="1">
      <alignment vertical="center"/>
      <protection locked="0"/>
    </xf>
    <xf numFmtId="0" fontId="3" fillId="0" borderId="111" xfId="0" applyFont="1" applyBorder="1" applyProtection="1">
      <alignment vertical="center"/>
      <protection locked="0"/>
    </xf>
    <xf numFmtId="0" fontId="11" fillId="5" borderId="42" xfId="0" applyFont="1" applyFill="1" applyBorder="1" applyProtection="1">
      <alignment vertical="center"/>
      <protection locked="0"/>
    </xf>
    <xf numFmtId="0" fontId="11" fillId="5" borderId="111" xfId="0" applyFont="1" applyFill="1" applyBorder="1" applyProtection="1">
      <alignment vertical="center"/>
      <protection locked="0"/>
    </xf>
    <xf numFmtId="0" fontId="3" fillId="0" borderId="112" xfId="0" applyFont="1" applyBorder="1" applyAlignment="1" applyProtection="1">
      <alignment vertical="center"/>
      <protection locked="0"/>
    </xf>
    <xf numFmtId="0" fontId="3" fillId="0" borderId="112" xfId="0" applyFont="1" applyBorder="1" applyProtection="1">
      <alignment vertical="center"/>
      <protection locked="0"/>
    </xf>
    <xf numFmtId="0" fontId="3" fillId="0" borderId="3" xfId="0" applyFont="1" applyFill="1" applyBorder="1" applyAlignment="1" applyProtection="1">
      <alignment horizontal="left" vertical="center"/>
      <protection locked="0"/>
    </xf>
    <xf numFmtId="0" fontId="11" fillId="0" borderId="0" xfId="0" applyFont="1" applyFill="1" applyBorder="1" applyAlignment="1" applyProtection="1">
      <alignment horizontal="left" vertical="center" wrapText="1"/>
      <protection locked="0"/>
    </xf>
    <xf numFmtId="0" fontId="11" fillId="6" borderId="12" xfId="0" applyFont="1" applyFill="1" applyBorder="1" applyAlignment="1" applyProtection="1">
      <alignment horizontal="center" vertical="center"/>
      <protection locked="0"/>
    </xf>
    <xf numFmtId="0" fontId="11" fillId="6" borderId="0" xfId="0" applyFont="1" applyFill="1" applyBorder="1" applyAlignment="1" applyProtection="1">
      <alignment horizontal="center" vertical="center"/>
      <protection locked="0"/>
    </xf>
    <xf numFmtId="0" fontId="3" fillId="0" borderId="3" xfId="0" applyFont="1" applyFill="1" applyBorder="1" applyAlignment="1" applyProtection="1">
      <alignment horizontal="left" vertical="center" wrapText="1"/>
      <protection locked="0"/>
    </xf>
    <xf numFmtId="0" fontId="11" fillId="6" borderId="10" xfId="0" applyFont="1" applyFill="1" applyBorder="1" applyAlignment="1" applyProtection="1">
      <alignment horizontal="center" vertical="center"/>
      <protection locked="0"/>
    </xf>
    <xf numFmtId="0" fontId="11" fillId="6" borderId="1" xfId="0" applyFont="1" applyFill="1" applyBorder="1" applyAlignment="1" applyProtection="1">
      <alignment horizontal="center" vertical="center"/>
      <protection locked="0"/>
    </xf>
    <xf numFmtId="0" fontId="15" fillId="3" borderId="3" xfId="0" applyFont="1" applyFill="1" applyBorder="1" applyAlignment="1" applyProtection="1">
      <alignment horizontal="center" vertical="center"/>
      <protection locked="0"/>
    </xf>
    <xf numFmtId="0" fontId="1" fillId="0" borderId="1" xfId="0" applyFont="1" applyFill="1" applyBorder="1" applyAlignment="1" applyProtection="1">
      <alignment horizontal="center" vertical="center" shrinkToFit="1"/>
      <protection locked="0"/>
    </xf>
    <xf numFmtId="0" fontId="1" fillId="0" borderId="1" xfId="0" applyFont="1" applyFill="1" applyBorder="1" applyAlignment="1" applyProtection="1">
      <alignment horizontal="center" vertical="center"/>
      <protection locked="0"/>
    </xf>
    <xf numFmtId="0" fontId="3" fillId="0" borderId="3" xfId="0" applyFont="1" applyBorder="1" applyAlignment="1" applyProtection="1">
      <alignment horizontal="left" vertical="center" wrapText="1"/>
      <protection locked="0"/>
    </xf>
    <xf numFmtId="0" fontId="1" fillId="0" borderId="50" xfId="0" applyFont="1" applyFill="1" applyBorder="1" applyAlignment="1" applyProtection="1">
      <alignment horizontal="left" vertical="top" wrapText="1"/>
      <protection locked="0"/>
    </xf>
    <xf numFmtId="0" fontId="1" fillId="0" borderId="0" xfId="0" applyFont="1" applyFill="1" applyBorder="1" applyAlignment="1" applyProtection="1">
      <alignment horizontal="left" vertical="top" wrapText="1"/>
      <protection locked="0"/>
    </xf>
    <xf numFmtId="0" fontId="15" fillId="5" borderId="0" xfId="0" applyFont="1" applyFill="1" applyBorder="1" applyAlignment="1" applyProtection="1">
      <alignment vertical="center" wrapText="1"/>
      <protection locked="0"/>
    </xf>
    <xf numFmtId="0" fontId="15" fillId="0" borderId="0" xfId="0" applyFont="1" applyFill="1" applyProtection="1">
      <alignment vertical="center"/>
      <protection locked="0"/>
    </xf>
    <xf numFmtId="0" fontId="3" fillId="0" borderId="0" xfId="0" applyFont="1" applyFill="1" applyBorder="1" applyAlignment="1" applyProtection="1">
      <alignment horizontal="left" vertical="center" wrapText="1"/>
      <protection locked="0"/>
    </xf>
    <xf numFmtId="0" fontId="3" fillId="0" borderId="30" xfId="0" applyFont="1" applyFill="1" applyBorder="1" applyAlignment="1" applyProtection="1">
      <alignment horizontal="left" vertical="center"/>
      <protection locked="0"/>
    </xf>
    <xf numFmtId="0" fontId="3" fillId="0" borderId="31" xfId="0" applyFont="1" applyFill="1" applyBorder="1" applyAlignment="1" applyProtection="1">
      <alignment horizontal="left" vertical="center"/>
      <protection locked="0"/>
    </xf>
    <xf numFmtId="0" fontId="3" fillId="6" borderId="119" xfId="0" applyFont="1" applyFill="1" applyBorder="1" applyAlignment="1" applyProtection="1">
      <alignment horizontal="center" vertical="center"/>
      <protection locked="0"/>
    </xf>
    <xf numFmtId="0" fontId="11" fillId="6" borderId="17" xfId="0" applyFont="1" applyFill="1" applyBorder="1" applyAlignment="1" applyProtection="1">
      <alignment horizontal="center" vertical="center"/>
      <protection locked="0"/>
    </xf>
    <xf numFmtId="0" fontId="11" fillId="6" borderId="120" xfId="0" applyFont="1" applyFill="1" applyBorder="1" applyAlignment="1" applyProtection="1">
      <alignment horizontal="center" vertical="center"/>
      <protection locked="0"/>
    </xf>
    <xf numFmtId="0" fontId="3" fillId="0" borderId="40" xfId="0" applyFont="1" applyFill="1" applyBorder="1" applyAlignment="1" applyProtection="1">
      <alignment horizontal="left" vertical="center"/>
      <protection locked="0"/>
    </xf>
    <xf numFmtId="0" fontId="11" fillId="6" borderId="121" xfId="0" applyFont="1" applyFill="1" applyBorder="1" applyAlignment="1" applyProtection="1">
      <alignment horizontal="center" vertical="center"/>
      <protection locked="0"/>
    </xf>
    <xf numFmtId="0" fontId="3" fillId="0" borderId="40" xfId="0" applyFont="1" applyFill="1" applyBorder="1" applyAlignment="1" applyProtection="1">
      <alignment horizontal="left" vertical="center" wrapText="1"/>
      <protection locked="0"/>
    </xf>
    <xf numFmtId="0" fontId="11" fillId="6" borderId="21" xfId="0" applyFont="1" applyFill="1" applyBorder="1" applyAlignment="1" applyProtection="1">
      <alignment horizontal="center" vertical="center"/>
      <protection locked="0"/>
    </xf>
    <xf numFmtId="0" fontId="15" fillId="3" borderId="41" xfId="0" applyFont="1" applyFill="1" applyBorder="1" applyAlignment="1" applyProtection="1">
      <alignment horizontal="center" vertical="center"/>
      <protection locked="0"/>
    </xf>
    <xf numFmtId="0" fontId="3" fillId="0" borderId="122" xfId="0" applyFont="1" applyFill="1" applyBorder="1" applyAlignment="1" applyProtection="1">
      <alignment horizontal="left" vertical="center"/>
      <protection locked="0"/>
    </xf>
    <xf numFmtId="0" fontId="3" fillId="0" borderId="23" xfId="0" applyFont="1" applyFill="1" applyBorder="1" applyAlignment="1" applyProtection="1">
      <alignment horizontal="left" vertical="center"/>
      <protection locked="0"/>
    </xf>
    <xf numFmtId="0" fontId="15" fillId="3" borderId="23" xfId="0" applyFont="1" applyFill="1" applyBorder="1" applyAlignment="1" applyProtection="1">
      <alignment horizontal="center" vertical="center"/>
      <protection locked="0"/>
    </xf>
    <xf numFmtId="0" fontId="15" fillId="3" borderId="123" xfId="0" applyFont="1" applyFill="1" applyBorder="1" applyAlignment="1" applyProtection="1">
      <alignment horizontal="center" vertical="center"/>
      <protection locked="0"/>
    </xf>
    <xf numFmtId="0" fontId="1" fillId="0" borderId="124" xfId="0" applyFont="1" applyBorder="1" applyAlignment="1" applyProtection="1">
      <alignment horizontal="left" vertical="center" wrapText="1"/>
    </xf>
    <xf numFmtId="0" fontId="1" fillId="0" borderId="35" xfId="0" applyFont="1" applyBorder="1" applyAlignment="1" applyProtection="1">
      <alignment horizontal="left" vertical="center" wrapText="1"/>
    </xf>
    <xf numFmtId="0" fontId="1" fillId="0" borderId="36" xfId="0" applyFont="1" applyBorder="1" applyAlignment="1" applyProtection="1">
      <alignment horizontal="left" vertical="center" wrapText="1"/>
    </xf>
    <xf numFmtId="0" fontId="1" fillId="3" borderId="24" xfId="0" applyFont="1" applyFill="1" applyBorder="1" applyAlignment="1" applyProtection="1">
      <alignment horizontal="center" vertical="center" shrinkToFit="1"/>
      <protection locked="0"/>
    </xf>
    <xf numFmtId="0" fontId="1" fillId="3" borderId="125" xfId="0" applyFont="1" applyFill="1" applyBorder="1" applyAlignment="1" applyProtection="1">
      <alignment horizontal="center" vertical="center" shrinkToFit="1"/>
      <protection locked="0"/>
    </xf>
    <xf numFmtId="0" fontId="1" fillId="0" borderId="126" xfId="0" applyFont="1" applyBorder="1" applyAlignment="1" applyProtection="1">
      <alignment horizontal="left" vertical="center" wrapText="1"/>
    </xf>
    <xf numFmtId="177" fontId="1" fillId="3" borderId="29" xfId="0" applyNumberFormat="1" applyFont="1" applyFill="1" applyBorder="1" applyAlignment="1" applyProtection="1">
      <alignment horizontal="center" vertical="center" shrinkToFit="1"/>
      <protection locked="0"/>
    </xf>
    <xf numFmtId="0" fontId="0" fillId="3" borderId="21" xfId="0" applyNumberFormat="1" applyFont="1" applyFill="1" applyBorder="1" applyAlignment="1" applyProtection="1">
      <alignment horizontal="center" vertical="center" shrinkToFit="1"/>
      <protection locked="0"/>
    </xf>
    <xf numFmtId="0" fontId="1" fillId="0" borderId="127" xfId="0" applyFont="1" applyBorder="1" applyAlignment="1" applyProtection="1">
      <alignment horizontal="left" vertical="center" wrapText="1"/>
    </xf>
    <xf numFmtId="0" fontId="1" fillId="0" borderId="25" xfId="0" applyFont="1" applyBorder="1" applyAlignment="1" applyProtection="1">
      <alignment horizontal="left" vertical="center" wrapText="1"/>
    </xf>
    <xf numFmtId="0" fontId="1" fillId="0" borderId="26" xfId="0" applyFont="1" applyBorder="1" applyAlignment="1" applyProtection="1">
      <alignment horizontal="left" vertical="center" wrapText="1"/>
    </xf>
    <xf numFmtId="0" fontId="1" fillId="3" borderId="123" xfId="0" applyFont="1" applyFill="1" applyBorder="1" applyAlignment="1" applyProtection="1">
      <alignment horizontal="center" vertical="center" shrinkToFit="1"/>
      <protection locked="0"/>
    </xf>
    <xf numFmtId="0" fontId="15" fillId="5" borderId="0" xfId="0" applyFont="1" applyFill="1" applyBorder="1" applyAlignment="1" applyProtection="1">
      <alignment vertical="center"/>
      <protection locked="0"/>
    </xf>
    <xf numFmtId="49" fontId="1" fillId="3" borderId="31" xfId="0" applyNumberFormat="1" applyFont="1" applyFill="1" applyBorder="1" applyAlignment="1" applyProtection="1">
      <alignment horizontal="center" vertical="center" shrinkToFit="1"/>
      <protection locked="0"/>
    </xf>
    <xf numFmtId="49" fontId="1" fillId="3" borderId="28" xfId="0" applyNumberFormat="1" applyFont="1" applyFill="1" applyBorder="1" applyAlignment="1" applyProtection="1">
      <alignment horizontal="center" vertical="center" shrinkToFit="1"/>
      <protection locked="0"/>
    </xf>
    <xf numFmtId="49" fontId="1" fillId="3" borderId="128" xfId="0" applyNumberFormat="1" applyFont="1" applyFill="1" applyBorder="1" applyAlignment="1" applyProtection="1">
      <alignment horizontal="center" vertical="center" shrinkToFit="1"/>
      <protection locked="0"/>
    </xf>
    <xf numFmtId="49" fontId="1" fillId="3" borderId="41" xfId="0" applyNumberFormat="1" applyFont="1" applyFill="1" applyBorder="1" applyAlignment="1" applyProtection="1">
      <alignment horizontal="center" vertical="center" shrinkToFit="1"/>
      <protection locked="0"/>
    </xf>
    <xf numFmtId="0" fontId="1" fillId="0" borderId="122" xfId="0" applyFont="1" applyBorder="1" applyAlignment="1" applyProtection="1">
      <alignment horizontal="center" vertical="center"/>
    </xf>
    <xf numFmtId="49" fontId="14" fillId="3" borderId="23" xfId="0" applyNumberFormat="1" applyFont="1" applyFill="1" applyBorder="1" applyAlignment="1" applyProtection="1">
      <alignment horizontal="center" vertical="center" shrinkToFit="1"/>
      <protection locked="0"/>
    </xf>
    <xf numFmtId="49" fontId="14" fillId="3" borderId="123" xfId="0" applyNumberFormat="1" applyFont="1" applyFill="1" applyBorder="1" applyAlignment="1" applyProtection="1">
      <alignment horizontal="center" vertical="center" shrinkToFit="1"/>
      <protection locked="0"/>
    </xf>
    <xf numFmtId="0" fontId="0" fillId="3" borderId="124" xfId="0" applyFont="1" applyFill="1" applyBorder="1" applyAlignment="1" applyProtection="1">
      <alignment horizontal="center" vertical="center" shrinkToFit="1"/>
      <protection locked="0"/>
    </xf>
    <xf numFmtId="0" fontId="0" fillId="3" borderId="35" xfId="0" applyFont="1" applyFill="1" applyBorder="1" applyAlignment="1" applyProtection="1">
      <alignment horizontal="center" vertical="center" shrinkToFit="1"/>
      <protection locked="0"/>
    </xf>
    <xf numFmtId="0" fontId="0" fillId="3" borderId="37" xfId="0" applyFont="1" applyFill="1" applyBorder="1" applyAlignment="1" applyProtection="1">
      <alignment horizontal="center" vertical="center" shrinkToFit="1"/>
      <protection locked="0"/>
    </xf>
    <xf numFmtId="0" fontId="1" fillId="3" borderId="40" xfId="0" applyFont="1" applyFill="1" applyBorder="1" applyAlignment="1" applyProtection="1">
      <alignment horizontal="center" vertical="center"/>
      <protection locked="0"/>
    </xf>
    <xf numFmtId="0" fontId="1" fillId="0" borderId="127" xfId="0" applyFont="1" applyBorder="1" applyAlignment="1" applyProtection="1">
      <alignment horizontal="center" vertical="center"/>
    </xf>
    <xf numFmtId="0" fontId="1" fillId="0" borderId="26" xfId="0" applyFont="1" applyBorder="1" applyAlignment="1" applyProtection="1">
      <alignment horizontal="center" vertical="center"/>
    </xf>
    <xf numFmtId="0" fontId="1" fillId="3" borderId="27" xfId="0" applyFont="1" applyFill="1" applyBorder="1" applyAlignment="1" applyProtection="1">
      <alignment horizontal="center" vertical="center"/>
      <protection locked="0"/>
    </xf>
    <xf numFmtId="0" fontId="1" fillId="3" borderId="26" xfId="0" applyFont="1" applyFill="1" applyBorder="1" applyAlignment="1" applyProtection="1">
      <alignment horizontal="center" vertical="center"/>
      <protection locked="0"/>
    </xf>
    <xf numFmtId="0" fontId="1" fillId="3" borderId="23" xfId="0" applyFont="1" applyFill="1" applyBorder="1" applyAlignment="1" applyProtection="1">
      <alignment horizontal="center" vertical="center"/>
      <protection locked="0"/>
    </xf>
    <xf numFmtId="0" fontId="1" fillId="3" borderId="27" xfId="0" applyFont="1" applyFill="1" applyBorder="1" applyAlignment="1" applyProtection="1">
      <alignment horizontal="center" vertical="center"/>
      <protection locked="0"/>
    </xf>
    <xf numFmtId="0" fontId="1" fillId="0" borderId="123" xfId="0" applyFont="1" applyBorder="1" applyAlignment="1" applyProtection="1">
      <alignment horizontal="center" vertical="center"/>
    </xf>
    <xf numFmtId="0" fontId="33" fillId="0" borderId="0" xfId="0" applyFont="1" applyBorder="1" applyAlignment="1" applyProtection="1">
      <alignment vertical="center"/>
      <protection locked="0"/>
    </xf>
    <xf numFmtId="0" fontId="20" fillId="0" borderId="0" xfId="0" applyFont="1" applyBorder="1" applyAlignment="1" applyProtection="1">
      <alignment vertical="center"/>
      <protection locked="0"/>
    </xf>
    <xf numFmtId="0" fontId="1" fillId="3" borderId="31" xfId="0" applyFont="1" applyFill="1" applyBorder="1" applyAlignment="1" applyProtection="1">
      <alignment horizontal="center" vertical="center" shrinkToFit="1"/>
      <protection locked="0"/>
    </xf>
    <xf numFmtId="0" fontId="1" fillId="0" borderId="37" xfId="0" applyFont="1" applyBorder="1" applyAlignment="1" applyProtection="1">
      <alignment horizontal="center" vertical="center"/>
      <protection locked="0"/>
    </xf>
    <xf numFmtId="0" fontId="1" fillId="0" borderId="126" xfId="0" applyFont="1" applyBorder="1" applyAlignment="1" applyProtection="1">
      <alignment horizontal="center" vertical="center" wrapText="1"/>
    </xf>
    <xf numFmtId="0" fontId="3" fillId="3" borderId="29" xfId="0" applyFont="1" applyFill="1" applyBorder="1" applyAlignment="1" applyProtection="1">
      <alignment horizontal="center" vertical="center"/>
      <protection locked="0"/>
    </xf>
    <xf numFmtId="0" fontId="8" fillId="3" borderId="129" xfId="0" applyFont="1" applyFill="1" applyBorder="1" applyAlignment="1" applyProtection="1">
      <alignment horizontal="center" vertical="center" shrinkToFit="1"/>
      <protection locked="0"/>
    </xf>
    <xf numFmtId="0" fontId="8" fillId="3" borderId="130" xfId="0" applyFont="1" applyFill="1" applyBorder="1" applyAlignment="1" applyProtection="1">
      <alignment horizontal="center" vertical="center" shrinkToFit="1"/>
      <protection locked="0"/>
    </xf>
    <xf numFmtId="0" fontId="8" fillId="3" borderId="131" xfId="0" applyFont="1" applyFill="1" applyBorder="1" applyAlignment="1" applyProtection="1">
      <alignment horizontal="center" vertical="center" shrinkToFit="1"/>
      <protection locked="0"/>
    </xf>
    <xf numFmtId="0" fontId="6" fillId="0" borderId="0" xfId="0" applyFont="1" applyBorder="1" applyAlignment="1" applyProtection="1">
      <alignment horizontal="right" vertical="center" wrapText="1"/>
      <protection locked="0"/>
    </xf>
    <xf numFmtId="0" fontId="1" fillId="0" borderId="0" xfId="0" applyFont="1" applyBorder="1" applyAlignment="1" applyProtection="1">
      <alignment horizontal="left" vertical="center" wrapText="1"/>
      <protection locked="0"/>
    </xf>
    <xf numFmtId="49" fontId="1" fillId="3" borderId="132" xfId="0" applyNumberFormat="1" applyFont="1" applyFill="1" applyBorder="1" applyAlignment="1" applyProtection="1">
      <alignment horizontal="center" vertical="center" shrinkToFit="1"/>
      <protection locked="0"/>
    </xf>
    <xf numFmtId="49" fontId="1" fillId="3" borderId="133" xfId="0" applyNumberFormat="1" applyFont="1" applyFill="1" applyBorder="1" applyAlignment="1" applyProtection="1">
      <alignment horizontal="center" vertical="center" shrinkToFit="1"/>
      <protection locked="0"/>
    </xf>
    <xf numFmtId="49" fontId="1" fillId="3" borderId="134" xfId="0" applyNumberFormat="1" applyFont="1" applyFill="1" applyBorder="1" applyAlignment="1" applyProtection="1">
      <alignment horizontal="center" vertical="center" shrinkToFit="1"/>
      <protection locked="0"/>
    </xf>
    <xf numFmtId="49" fontId="1" fillId="3" borderId="132" xfId="0" applyNumberFormat="1" applyFont="1" applyFill="1" applyBorder="1" applyAlignment="1" applyProtection="1">
      <alignment horizontal="center" vertical="center"/>
      <protection locked="0"/>
    </xf>
    <xf numFmtId="49" fontId="1" fillId="3" borderId="135" xfId="0" applyNumberFormat="1" applyFont="1" applyFill="1" applyBorder="1" applyAlignment="1" applyProtection="1">
      <alignment horizontal="center" vertical="center"/>
      <protection locked="0"/>
    </xf>
    <xf numFmtId="49" fontId="17" fillId="0" borderId="130" xfId="0" applyNumberFormat="1" applyFont="1" applyFill="1" applyBorder="1" applyAlignment="1" applyProtection="1">
      <alignment horizontal="center" vertical="center" wrapText="1"/>
    </xf>
    <xf numFmtId="49" fontId="1" fillId="3" borderId="136" xfId="0" applyNumberFormat="1" applyFont="1" applyFill="1" applyBorder="1" applyAlignment="1" applyProtection="1">
      <alignment horizontal="center" vertical="center" wrapText="1"/>
      <protection locked="0"/>
    </xf>
    <xf numFmtId="49" fontId="1" fillId="3" borderId="135" xfId="0" applyNumberFormat="1" applyFont="1" applyFill="1" applyBorder="1" applyAlignment="1" applyProtection="1">
      <alignment horizontal="center" vertical="center" wrapText="1"/>
      <protection locked="0"/>
    </xf>
    <xf numFmtId="0" fontId="6" fillId="0" borderId="131" xfId="0" applyFont="1" applyFill="1" applyBorder="1" applyAlignment="1" applyProtection="1">
      <alignment horizontal="center" vertical="center" wrapText="1"/>
    </xf>
    <xf numFmtId="0" fontId="7" fillId="0" borderId="7" xfId="0" applyFont="1" applyBorder="1" applyAlignment="1">
      <alignment horizontal="left" vertical="center" wrapText="1"/>
    </xf>
    <xf numFmtId="0" fontId="7" fillId="0" borderId="8" xfId="0" applyFont="1" applyBorder="1" applyAlignment="1">
      <alignment horizontal="left" vertical="center" wrapText="1"/>
    </xf>
    <xf numFmtId="0" fontId="7" fillId="5" borderId="4" xfId="0" applyFont="1" applyFill="1" applyBorder="1" applyAlignment="1">
      <alignment horizontal="center" vertical="center" wrapText="1" shrinkToFit="1"/>
    </xf>
    <xf numFmtId="0" fontId="7" fillId="5" borderId="5" xfId="0" applyFont="1" applyFill="1" applyBorder="1" applyAlignment="1">
      <alignment horizontal="center" vertical="center" wrapText="1" shrinkToFit="1"/>
    </xf>
    <xf numFmtId="0" fontId="7" fillId="5" borderId="6" xfId="0" applyFont="1" applyFill="1" applyBorder="1" applyAlignment="1">
      <alignment horizontal="center" vertical="center" wrapText="1" shrinkToFit="1"/>
    </xf>
    <xf numFmtId="0" fontId="8" fillId="2" borderId="7" xfId="0" applyFont="1" applyFill="1" applyBorder="1" applyAlignment="1">
      <alignment horizontal="center" vertical="center" textRotation="255" wrapText="1"/>
    </xf>
    <xf numFmtId="0" fontId="8" fillId="2" borderId="9" xfId="0" applyFont="1" applyFill="1" applyBorder="1" applyAlignment="1">
      <alignment horizontal="center" vertical="center" textRotation="255" wrapText="1"/>
    </xf>
    <xf numFmtId="0" fontId="8" fillId="2" borderId="12" xfId="0" applyFont="1" applyFill="1" applyBorder="1" applyAlignment="1">
      <alignment horizontal="center" vertical="center" textRotation="255" wrapText="1"/>
    </xf>
    <xf numFmtId="0" fontId="8" fillId="2" borderId="2" xfId="0" applyFont="1" applyFill="1" applyBorder="1" applyAlignment="1">
      <alignment horizontal="center" vertical="center" textRotation="255" wrapText="1"/>
    </xf>
    <xf numFmtId="0" fontId="8" fillId="2" borderId="10" xfId="0" applyFont="1" applyFill="1" applyBorder="1" applyAlignment="1">
      <alignment horizontal="center" vertical="center" textRotation="255" wrapText="1"/>
    </xf>
    <xf numFmtId="0" fontId="8" fillId="2" borderId="11" xfId="0" applyFont="1" applyFill="1" applyBorder="1" applyAlignment="1">
      <alignment horizontal="center" vertical="center" textRotation="255" wrapText="1"/>
    </xf>
    <xf numFmtId="0" fontId="8" fillId="2" borderId="3" xfId="0" applyFont="1" applyFill="1" applyBorder="1" applyAlignment="1">
      <alignment horizontal="center" vertical="center" textRotation="255" wrapText="1"/>
    </xf>
    <xf numFmtId="0" fontId="8" fillId="2" borderId="4" xfId="0" applyFont="1" applyFill="1" applyBorder="1" applyAlignment="1">
      <alignment horizontal="left" vertical="center" wrapText="1"/>
    </xf>
    <xf numFmtId="0" fontId="8" fillId="2" borderId="5" xfId="0" applyFont="1" applyFill="1" applyBorder="1" applyAlignment="1">
      <alignment horizontal="left" vertical="center" wrapText="1"/>
    </xf>
    <xf numFmtId="0" fontId="8" fillId="2" borderId="7" xfId="0" applyFont="1" applyFill="1" applyBorder="1" applyAlignment="1">
      <alignment horizontal="center" vertical="center"/>
    </xf>
    <xf numFmtId="0" fontId="8"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11" xfId="0" applyFont="1" applyFill="1" applyBorder="1" applyAlignment="1">
      <alignment horizontal="center" vertical="center"/>
    </xf>
    <xf numFmtId="0" fontId="8" fillId="5" borderId="4" xfId="0" applyFont="1" applyFill="1" applyBorder="1" applyAlignment="1">
      <alignment horizontal="left" vertical="center" wrapText="1"/>
    </xf>
    <xf numFmtId="0" fontId="8" fillId="5" borderId="5" xfId="0" applyFont="1" applyFill="1" applyBorder="1" applyAlignment="1">
      <alignment horizontal="left" vertical="center" wrapText="1"/>
    </xf>
    <xf numFmtId="0" fontId="8" fillId="5" borderId="6" xfId="0" applyFont="1" applyFill="1" applyBorder="1" applyAlignment="1">
      <alignment horizontal="left" vertical="center" wrapText="1"/>
    </xf>
    <xf numFmtId="0" fontId="8" fillId="2" borderId="3" xfId="0" applyFont="1" applyFill="1" applyBorder="1" applyAlignment="1">
      <alignment vertical="center" wrapText="1"/>
    </xf>
    <xf numFmtId="0" fontId="1" fillId="5" borderId="12" xfId="0" applyFont="1" applyFill="1" applyBorder="1" applyAlignment="1">
      <alignment vertical="center"/>
    </xf>
    <xf numFmtId="0" fontId="7" fillId="6" borderId="3" xfId="0" applyFont="1" applyFill="1" applyBorder="1" applyAlignment="1">
      <alignment horizontal="center" vertical="center"/>
    </xf>
  </cellXfs>
  <cellStyles count="2">
    <cellStyle name="標準" xfId="0" builtinId="0"/>
    <cellStyle name="標準 2 2" xfId="1" xr:uid="{00000000-0005-0000-0000-000001000000}"/>
  </cellStyles>
  <dxfs count="5">
    <dxf>
      <font>
        <b/>
        <i/>
        <u/>
      </font>
      <fill>
        <patternFill>
          <fgColor auto="1"/>
        </patternFill>
      </fill>
    </dxf>
    <dxf>
      <font>
        <b/>
        <i/>
        <u/>
      </font>
      <fill>
        <patternFill>
          <fgColor auto="1"/>
        </patternFill>
      </fill>
    </dxf>
    <dxf>
      <font>
        <b/>
        <i/>
        <u/>
      </font>
      <fill>
        <patternFill>
          <fgColor auto="1"/>
        </patternFill>
      </fill>
    </dxf>
    <dxf>
      <fill>
        <patternFill>
          <bgColor theme="1" tint="0.34998626667073579"/>
        </patternFill>
      </fill>
    </dxf>
    <dxf>
      <fill>
        <patternFill>
          <bgColor theme="1" tint="0.34998626667073579"/>
        </patternFill>
      </fill>
    </dxf>
  </dxfs>
  <tableStyles count="0" defaultTableStyle="TableStyleMedium9" defaultPivotStyle="PivotStyleLight16"/>
  <colors>
    <mruColors>
      <color rgb="FFFFCCFF"/>
      <color rgb="FFFFFF99"/>
      <color rgb="FFFFB9DC"/>
      <color rgb="FFFFCCCC"/>
      <color rgb="FFFF9999"/>
      <color rgb="FFFF6699"/>
      <color rgb="FFFF99FF"/>
      <color rgb="FFFFCC99"/>
      <color rgb="FFFF99CC"/>
      <color rgb="FF66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1</xdr:col>
      <xdr:colOff>127000</xdr:colOff>
      <xdr:row>67</xdr:row>
      <xdr:rowOff>1022349</xdr:rowOff>
    </xdr:from>
    <xdr:to>
      <xdr:col>22</xdr:col>
      <xdr:colOff>869433</xdr:colOff>
      <xdr:row>67</xdr:row>
      <xdr:rowOff>1426264</xdr:rowOff>
    </xdr:to>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414965" y="18527305"/>
          <a:ext cx="7703436" cy="403915"/>
        </a:xfrm>
        <a:prstGeom prst="rect">
          <a:avLst/>
        </a:prstGeom>
        <a:solidFill>
          <a:schemeClr val="accent2">
            <a:lumMod val="60000"/>
            <a:lumOff val="40000"/>
            <a:alpha val="34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14300</xdr:colOff>
      <xdr:row>0</xdr:row>
      <xdr:rowOff>20410</xdr:rowOff>
    </xdr:from>
    <xdr:to>
      <xdr:col>22</xdr:col>
      <xdr:colOff>0</xdr:colOff>
      <xdr:row>4</xdr:row>
      <xdr:rowOff>177800</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114300" y="20410"/>
          <a:ext cx="7086600" cy="107179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ctr"/>
          <a:r>
            <a:rPr kumimoji="1" lang="ja-JP" altLang="en-US" sz="1700">
              <a:latin typeface="HG創英角ｺﾞｼｯｸUB" pitchFamily="49" charset="-128"/>
              <a:ea typeface="HG創英角ｺﾞｼｯｸUB" pitchFamily="49" charset="-128"/>
            </a:rPr>
            <a:t>「指定難病のしおり」を参照しながらこのシートへ入力していただき、</a:t>
          </a:r>
          <a:endParaRPr kumimoji="1" lang="en-US" altLang="ja-JP" sz="1700">
            <a:latin typeface="HG創英角ｺﾞｼｯｸUB" pitchFamily="49" charset="-128"/>
            <a:ea typeface="HG創英角ｺﾞｼｯｸUB" pitchFamily="49" charset="-128"/>
          </a:endParaRPr>
        </a:p>
        <a:p>
          <a:pPr algn="ctr"/>
          <a:r>
            <a:rPr kumimoji="1" lang="ja-JP" altLang="en-US" sz="1700">
              <a:latin typeface="HG創英角ｺﾞｼｯｸUB" pitchFamily="49" charset="-128"/>
              <a:ea typeface="HG創英角ｺﾞｼｯｸUB" pitchFamily="49" charset="-128"/>
            </a:rPr>
            <a:t>「印刷してください」シートをそれぞれ印刷してください。</a:t>
          </a:r>
          <a:endParaRPr kumimoji="1" lang="en-US" altLang="ja-JP" sz="1700">
            <a:latin typeface="HG創英角ｺﾞｼｯｸUB" pitchFamily="49" charset="-128"/>
            <a:ea typeface="HG創英角ｺﾞｼｯｸUB" pitchFamily="49" charset="-128"/>
          </a:endParaRPr>
        </a:p>
        <a:p>
          <a:pPr algn="ctr"/>
          <a:r>
            <a:rPr kumimoji="1" lang="ja-JP" altLang="en-US" sz="1400">
              <a:latin typeface="HG創英角ｺﾞｼｯｸUB" pitchFamily="49" charset="-128"/>
              <a:ea typeface="HG創英角ｺﾞｼｯｸUB" pitchFamily="49" charset="-128"/>
            </a:rPr>
            <a:t>（このシートの黄色いセルへ、必要事項を入力してください。）</a:t>
          </a:r>
        </a:p>
      </xdr:txBody>
    </xdr:sp>
    <xdr:clientData/>
  </xdr:twoCellAnchor>
  <xdr:oneCellAnchor>
    <xdr:from>
      <xdr:col>1</xdr:col>
      <xdr:colOff>66675</xdr:colOff>
      <xdr:row>8</xdr:row>
      <xdr:rowOff>158750</xdr:rowOff>
    </xdr:from>
    <xdr:ext cx="511175" cy="774700"/>
    <xdr:sp macro="" textlink="">
      <xdr:nvSpPr>
        <xdr:cNvPr id="3" name="下矢印 2">
          <a:extLst>
            <a:ext uri="{FF2B5EF4-FFF2-40B4-BE49-F238E27FC236}">
              <a16:creationId xmlns:a16="http://schemas.microsoft.com/office/drawing/2014/main" id="{00000000-0008-0000-0000-000003000000}"/>
            </a:ext>
          </a:extLst>
        </xdr:cNvPr>
        <xdr:cNvSpPr/>
      </xdr:nvSpPr>
      <xdr:spPr>
        <a:xfrm>
          <a:off x="352425" y="1860550"/>
          <a:ext cx="511175" cy="774700"/>
        </a:xfrm>
        <a:prstGeom prst="downArrow">
          <a:avLst>
            <a:gd name="adj1" fmla="val 45477"/>
            <a:gd name="adj2" fmla="val 54378"/>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wrap="square" lIns="36000" tIns="36000" rIns="36000" bIns="36000" rtlCol="0" anchor="ctr">
          <a:noAutofit/>
        </a:bodyPr>
        <a:lstStyle/>
        <a:p>
          <a:pPr algn="ctr"/>
          <a:r>
            <a:rPr kumimoji="1" lang="ja-JP" altLang="en-US" sz="1000" b="1"/>
            <a:t>はい</a:t>
          </a:r>
        </a:p>
      </xdr:txBody>
    </xdr:sp>
    <xdr:clientData/>
  </xdr:oneCellAnchor>
  <xdr:twoCellAnchor editAs="absolute">
    <xdr:from>
      <xdr:col>19</xdr:col>
      <xdr:colOff>8162</xdr:colOff>
      <xdr:row>7</xdr:row>
      <xdr:rowOff>123371</xdr:rowOff>
    </xdr:from>
    <xdr:to>
      <xdr:col>27</xdr:col>
      <xdr:colOff>47624</xdr:colOff>
      <xdr:row>8</xdr:row>
      <xdr:rowOff>139700</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5834287" y="1587046"/>
          <a:ext cx="3852637" cy="2512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000" b="1">
              <a:solidFill>
                <a:srgbClr val="C00000"/>
              </a:solidFill>
            </a:rPr>
            <a:t>いいえ（以前神奈川県で「指定難病」の認定を受けていたことがある）</a:t>
          </a:r>
        </a:p>
      </xdr:txBody>
    </xdr:sp>
    <xdr:clientData/>
  </xdr:twoCellAnchor>
  <xdr:twoCellAnchor editAs="absolute">
    <xdr:from>
      <xdr:col>17</xdr:col>
      <xdr:colOff>311150</xdr:colOff>
      <xdr:row>10</xdr:row>
      <xdr:rowOff>85270</xdr:rowOff>
    </xdr:from>
    <xdr:to>
      <xdr:col>19</xdr:col>
      <xdr:colOff>6350</xdr:colOff>
      <xdr:row>10</xdr:row>
      <xdr:rowOff>520700</xdr:rowOff>
    </xdr:to>
    <xdr:sp macro="" textlink="">
      <xdr:nvSpPr>
        <xdr:cNvPr id="6" name="下矢印 5">
          <a:extLst>
            <a:ext uri="{FF2B5EF4-FFF2-40B4-BE49-F238E27FC236}">
              <a16:creationId xmlns:a16="http://schemas.microsoft.com/office/drawing/2014/main" id="{00000000-0008-0000-0000-000006000000}"/>
            </a:ext>
          </a:extLst>
        </xdr:cNvPr>
        <xdr:cNvSpPr/>
      </xdr:nvSpPr>
      <xdr:spPr>
        <a:xfrm>
          <a:off x="5514975" y="2498270"/>
          <a:ext cx="320675" cy="435430"/>
        </a:xfrm>
        <a:prstGeom prst="downArrow">
          <a:avLst/>
        </a:prstGeom>
        <a:solidFill>
          <a:srgbClr val="66FF66"/>
        </a:solidFill>
        <a:ln>
          <a:solidFill>
            <a:srgbClr val="00CC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vert="horz" rtlCol="0" anchor="ctr"/>
        <a:lstStyle/>
        <a:p>
          <a:pPr algn="ctr"/>
          <a:endParaRPr kumimoji="1" lang="ja-JP" altLang="en-US" sz="1000"/>
        </a:p>
      </xdr:txBody>
    </xdr:sp>
    <xdr:clientData/>
  </xdr:twoCellAnchor>
  <xdr:twoCellAnchor>
    <xdr:from>
      <xdr:col>12</xdr:col>
      <xdr:colOff>116793</xdr:colOff>
      <xdr:row>101</xdr:row>
      <xdr:rowOff>161928</xdr:rowOff>
    </xdr:from>
    <xdr:to>
      <xdr:col>13</xdr:col>
      <xdr:colOff>201611</xdr:colOff>
      <xdr:row>103</xdr:row>
      <xdr:rowOff>200026</xdr:rowOff>
    </xdr:to>
    <xdr:sp macro="" textlink="">
      <xdr:nvSpPr>
        <xdr:cNvPr id="7" name="右矢印 6">
          <a:extLst>
            <a:ext uri="{FF2B5EF4-FFF2-40B4-BE49-F238E27FC236}">
              <a16:creationId xmlns:a16="http://schemas.microsoft.com/office/drawing/2014/main" id="{00000000-0008-0000-0000-000007000000}"/>
            </a:ext>
          </a:extLst>
        </xdr:cNvPr>
        <xdr:cNvSpPr/>
      </xdr:nvSpPr>
      <xdr:spPr>
        <a:xfrm rot="5400000">
          <a:off x="3769178" y="33018868"/>
          <a:ext cx="628648" cy="370568"/>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0</xdr:col>
      <xdr:colOff>6350</xdr:colOff>
      <xdr:row>104</xdr:row>
      <xdr:rowOff>12699</xdr:rowOff>
    </xdr:from>
    <xdr:to>
      <xdr:col>22</xdr:col>
      <xdr:colOff>749300</xdr:colOff>
      <xdr:row>117</xdr:row>
      <xdr:rowOff>123824</xdr:rowOff>
    </xdr:to>
    <xdr:sp macro="" textlink="">
      <xdr:nvSpPr>
        <xdr:cNvPr id="8" name="テキスト ボックス 7">
          <a:extLst>
            <a:ext uri="{FF2B5EF4-FFF2-40B4-BE49-F238E27FC236}">
              <a16:creationId xmlns:a16="http://schemas.microsoft.com/office/drawing/2014/main" id="{00000000-0008-0000-0000-000008000000}"/>
            </a:ext>
          </a:extLst>
        </xdr:cNvPr>
        <xdr:cNvSpPr txBox="1"/>
      </xdr:nvSpPr>
      <xdr:spPr>
        <a:xfrm>
          <a:off x="6350" y="31940499"/>
          <a:ext cx="7953375" cy="3330575"/>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1400">
              <a:latin typeface="HG創英角ｺﾞｼｯｸUB" pitchFamily="49" charset="-128"/>
              <a:ea typeface="HG創英角ｺﾞｼｯｸUB" pitchFamily="49" charset="-128"/>
            </a:rPr>
            <a:t>入力お疲れ様でした。</a:t>
          </a:r>
          <a:endParaRPr kumimoji="1" lang="en-US" altLang="ja-JP" sz="1400">
            <a:latin typeface="HG創英角ｺﾞｼｯｸUB" pitchFamily="49" charset="-128"/>
            <a:ea typeface="HG創英角ｺﾞｼｯｸUB" pitchFamily="49" charset="-128"/>
          </a:endParaRPr>
        </a:p>
        <a:p>
          <a:pPr algn="ctr"/>
          <a:r>
            <a:rPr kumimoji="1" lang="ja-JP" altLang="en-US" sz="1400">
              <a:latin typeface="HG創英角ｺﾞｼｯｸUB" pitchFamily="49" charset="-128"/>
              <a:ea typeface="HG創英角ｺﾞｼｯｸUB" pitchFamily="49" charset="-128"/>
            </a:rPr>
            <a:t>入力漏れがないか、今一度ご確認ください。</a:t>
          </a:r>
          <a:endParaRPr kumimoji="1" lang="en-US" altLang="ja-JP" sz="1400">
            <a:latin typeface="HG創英角ｺﾞｼｯｸUB" pitchFamily="49" charset="-128"/>
            <a:ea typeface="HG創英角ｺﾞｼｯｸUB" pitchFamily="49" charset="-128"/>
          </a:endParaRPr>
        </a:p>
        <a:p>
          <a:pPr algn="ctr"/>
          <a:endParaRPr kumimoji="1" lang="en-US" altLang="ja-JP" sz="1400">
            <a:latin typeface="HG創英角ｺﾞｼｯｸUB" pitchFamily="49" charset="-128"/>
            <a:ea typeface="HG創英角ｺﾞｼｯｸUB" pitchFamily="49" charset="-128"/>
          </a:endParaRPr>
        </a:p>
        <a:p>
          <a:pPr algn="l"/>
          <a:r>
            <a:rPr kumimoji="1" lang="ja-JP" altLang="en-US" sz="1400">
              <a:latin typeface="HG創英角ｺﾞｼｯｸUB" pitchFamily="49" charset="-128"/>
              <a:ea typeface="HG創英角ｺﾞｼｯｸUB" pitchFamily="49" charset="-128"/>
            </a:rPr>
            <a:t>よろしければ、プリンタにＡ４用紙を用意していただき、</a:t>
          </a:r>
          <a:r>
            <a:rPr kumimoji="1" lang="ja-JP" altLang="en-US" sz="1400" u="sng">
              <a:latin typeface="HG創英角ｺﾞｼｯｸUB" pitchFamily="49" charset="-128"/>
              <a:ea typeface="HG創英角ｺﾞｼｯｸUB" pitchFamily="49" charset="-128"/>
            </a:rPr>
            <a:t>「印刷してください」</a:t>
          </a:r>
          <a:r>
            <a:rPr kumimoji="1" lang="ja-JP" altLang="en-US" sz="1400">
              <a:latin typeface="HG創英角ｺﾞｼｯｸUB" pitchFamily="49" charset="-128"/>
              <a:ea typeface="HG創英角ｺﾞｼｯｸUB" pitchFamily="49" charset="-128"/>
            </a:rPr>
            <a:t>というシートを印刷してください。印刷は、白黒・カラーどちらでも構いません。</a:t>
          </a:r>
          <a:endParaRPr kumimoji="1" lang="en-US" altLang="ja-JP" sz="1400">
            <a:latin typeface="HG創英角ｺﾞｼｯｸUB" pitchFamily="49" charset="-128"/>
            <a:ea typeface="HG創英角ｺﾞｼｯｸUB" pitchFamily="49" charset="-128"/>
          </a:endParaRPr>
        </a:p>
        <a:p>
          <a:pPr algn="ctr"/>
          <a:r>
            <a:rPr kumimoji="1" lang="ja-JP" altLang="en-US" sz="1400">
              <a:solidFill>
                <a:srgbClr val="FF0000"/>
              </a:solidFill>
              <a:latin typeface="HG創英角ｺﾞｼｯｸUB" pitchFamily="49" charset="-128"/>
              <a:ea typeface="HG創英角ｺﾞｼｯｸUB" pitchFamily="49" charset="-128"/>
            </a:rPr>
            <a:t>（このシートは印刷する必要はありません。）</a:t>
          </a:r>
          <a:endParaRPr kumimoji="1" lang="en-US" altLang="ja-JP" sz="1400">
            <a:solidFill>
              <a:srgbClr val="FF0000"/>
            </a:solidFill>
            <a:latin typeface="HG創英角ｺﾞｼｯｸUB" pitchFamily="49" charset="-128"/>
            <a:ea typeface="HG創英角ｺﾞｼｯｸUB" pitchFamily="49" charset="-128"/>
          </a:endParaRPr>
        </a:p>
        <a:p>
          <a:pPr algn="l"/>
          <a:endParaRPr kumimoji="1" lang="en-US" altLang="ja-JP" sz="1050">
            <a:solidFill>
              <a:srgbClr val="FF0000"/>
            </a:solidFill>
            <a:latin typeface="HG創英角ｺﾞｼｯｸUB" pitchFamily="49" charset="-128"/>
            <a:ea typeface="HG創英角ｺﾞｼｯｸUB" pitchFamily="49" charset="-128"/>
          </a:endParaRPr>
        </a:p>
        <a:p>
          <a:pPr algn="l"/>
          <a:endParaRPr kumimoji="1" lang="en-US" altLang="ja-JP" sz="1050">
            <a:solidFill>
              <a:srgbClr val="FF0000"/>
            </a:solidFill>
            <a:latin typeface="HG創英角ｺﾞｼｯｸUB" pitchFamily="49" charset="-128"/>
            <a:ea typeface="HG創英角ｺﾞｼｯｸUB" pitchFamily="49" charset="-128"/>
          </a:endParaRPr>
        </a:p>
        <a:p>
          <a:pPr algn="l"/>
          <a:r>
            <a:rPr kumimoji="1" lang="ja-JP" altLang="en-US" sz="1400">
              <a:solidFill>
                <a:sysClr val="windowText" lastClr="000000"/>
              </a:solidFill>
              <a:latin typeface="HG創英角ｺﾞｼｯｸUB" pitchFamily="49" charset="-128"/>
              <a:ea typeface="HG創英角ｺﾞｼｯｸUB" pitchFamily="49" charset="-128"/>
            </a:rPr>
            <a:t>〇</a:t>
          </a:r>
          <a:r>
            <a:rPr kumimoji="1" lang="ja-JP" altLang="en-US" sz="1400">
              <a:solidFill>
                <a:sysClr val="windowText" lastClr="000000"/>
              </a:solidFill>
              <a:latin typeface="HGPｺﾞｼｯｸM" panose="020B0600000000000000" pitchFamily="50" charset="-128"/>
              <a:ea typeface="HGPｺﾞｼｯｸM" panose="020B0600000000000000" pitchFamily="50" charset="-128"/>
            </a:rPr>
            <a:t>郵送で提出される方は、</a:t>
          </a:r>
          <a:r>
            <a:rPr kumimoji="1" lang="ja-JP" altLang="en-US" sz="1400">
              <a:solidFill>
                <a:sysClr val="windowText" lastClr="000000"/>
              </a:solidFill>
              <a:latin typeface="HG創英角ｺﾞｼｯｸUB" pitchFamily="49" charset="-128"/>
              <a:ea typeface="HG創英角ｺﾞｼｯｸUB" pitchFamily="49" charset="-128"/>
            </a:rPr>
            <a:t>「印刷してください（本課用）」をお送りください。</a:t>
          </a:r>
          <a:endParaRPr kumimoji="1" lang="en-US" altLang="ja-JP" sz="1400">
            <a:solidFill>
              <a:sysClr val="windowText" lastClr="000000"/>
            </a:solidFill>
            <a:latin typeface="HG創英角ｺﾞｼｯｸUB" pitchFamily="49" charset="-128"/>
            <a:ea typeface="HG創英角ｺﾞｼｯｸUB" pitchFamily="49" charset="-128"/>
          </a:endParaRPr>
        </a:p>
        <a:p>
          <a:pPr algn="l"/>
          <a:endParaRPr kumimoji="1" lang="ja-JP" altLang="en-US" sz="1400">
            <a:solidFill>
              <a:sysClr val="windowText" lastClr="000000"/>
            </a:solidFill>
            <a:latin typeface="HG創英角ｺﾞｼｯｸUB" pitchFamily="49" charset="-128"/>
            <a:ea typeface="HG創英角ｺﾞｼｯｸUB" pitchFamily="49" charset="-128"/>
          </a:endParaRPr>
        </a:p>
        <a:p>
          <a:pPr algn="l"/>
          <a:r>
            <a:rPr kumimoji="1" lang="ja-JP" altLang="en-US" sz="1400">
              <a:solidFill>
                <a:sysClr val="windowText" lastClr="000000"/>
              </a:solidFill>
              <a:latin typeface="HG創英角ｺﾞｼｯｸUB" pitchFamily="49" charset="-128"/>
              <a:ea typeface="HG創英角ｺﾞｼｯｸUB" pitchFamily="49" charset="-128"/>
            </a:rPr>
            <a:t>〇</a:t>
          </a:r>
          <a:r>
            <a:rPr kumimoji="1" lang="ja-JP" altLang="en-US" sz="1400">
              <a:solidFill>
                <a:sysClr val="windowText" lastClr="000000"/>
              </a:solidFill>
              <a:latin typeface="HGPｺﾞｼｯｸM" panose="020B0600000000000000" pitchFamily="50" charset="-128"/>
              <a:ea typeface="HGPｺﾞｼｯｸM" panose="020B0600000000000000" pitchFamily="50" charset="-128"/>
            </a:rPr>
            <a:t>保健所等へ直接持参し提出される方は、</a:t>
          </a:r>
          <a:r>
            <a:rPr kumimoji="1" lang="ja-JP" altLang="en-US" sz="1400">
              <a:solidFill>
                <a:sysClr val="windowText" lastClr="000000"/>
              </a:solidFill>
              <a:latin typeface="HG創英角ｺﾞｼｯｸUB" pitchFamily="49" charset="-128"/>
              <a:ea typeface="HG創英角ｺﾞｼｯｸUB" pitchFamily="49" charset="-128"/>
            </a:rPr>
            <a:t>「印刷してください（保健所控）」も併せて</a:t>
          </a:r>
          <a:endParaRPr kumimoji="1" lang="en-US" altLang="ja-JP" sz="1400">
            <a:solidFill>
              <a:sysClr val="windowText" lastClr="000000"/>
            </a:solidFill>
            <a:latin typeface="HG創英角ｺﾞｼｯｸUB" pitchFamily="49" charset="-128"/>
            <a:ea typeface="HG創英角ｺﾞｼｯｸUB" pitchFamily="49" charset="-128"/>
          </a:endParaRPr>
        </a:p>
        <a:p>
          <a:pPr algn="l"/>
          <a:r>
            <a:rPr kumimoji="1" lang="ja-JP" altLang="en-US" sz="1400">
              <a:solidFill>
                <a:sysClr val="windowText" lastClr="000000"/>
              </a:solidFill>
              <a:latin typeface="HG創英角ｺﾞｼｯｸUB" pitchFamily="49" charset="-128"/>
              <a:ea typeface="HG創英角ｺﾞｼｯｸUB" pitchFamily="49" charset="-128"/>
            </a:rPr>
            <a:t>　ご提出ください。</a:t>
          </a:r>
          <a:endParaRPr kumimoji="1" lang="en-US" altLang="ja-JP" sz="1400">
            <a:solidFill>
              <a:sysClr val="windowText" lastClr="000000"/>
            </a:solidFill>
            <a:latin typeface="HG創英角ｺﾞｼｯｸUB" pitchFamily="49" charset="-128"/>
            <a:ea typeface="HG創英角ｺﾞｼｯｸUB" pitchFamily="49" charset="-128"/>
          </a:endParaRPr>
        </a:p>
        <a:p>
          <a:pPr algn="l"/>
          <a:endParaRPr kumimoji="1" lang="en-US" altLang="ja-JP" sz="1400">
            <a:solidFill>
              <a:sysClr val="windowText" lastClr="000000"/>
            </a:solidFill>
            <a:latin typeface="HG創英角ｺﾞｼｯｸUB" pitchFamily="49" charset="-128"/>
            <a:ea typeface="HG創英角ｺﾞｼｯｸUB" pitchFamily="49" charset="-128"/>
          </a:endParaRPr>
        </a:p>
        <a:p>
          <a:pPr algn="l"/>
          <a:r>
            <a:rPr kumimoji="1" lang="ja-JP" altLang="en-US" sz="1400">
              <a:solidFill>
                <a:sysClr val="windowText" lastClr="000000"/>
              </a:solidFill>
              <a:latin typeface="HG創英角ｺﾞｼｯｸUB" pitchFamily="49" charset="-128"/>
              <a:ea typeface="HG創英角ｺﾞｼｯｸUB" pitchFamily="49" charset="-128"/>
            </a:rPr>
            <a:t>〇「印刷してください（本人控）」は、提出したものの控えとしてお手元に保管してください。</a:t>
          </a:r>
        </a:p>
      </xdr:txBody>
    </xdr:sp>
    <xdr:clientData/>
  </xdr:twoCellAnchor>
  <xdr:twoCellAnchor editAs="absolute">
    <xdr:from>
      <xdr:col>5</xdr:col>
      <xdr:colOff>371475</xdr:colOff>
      <xdr:row>8</xdr:row>
      <xdr:rowOff>57150</xdr:rowOff>
    </xdr:from>
    <xdr:to>
      <xdr:col>6</xdr:col>
      <xdr:colOff>111126</xdr:colOff>
      <xdr:row>8</xdr:row>
      <xdr:rowOff>292100</xdr:rowOff>
    </xdr:to>
    <xdr:sp macro="" textlink="">
      <xdr:nvSpPr>
        <xdr:cNvPr id="9" name="下矢印 8">
          <a:extLst>
            <a:ext uri="{FF2B5EF4-FFF2-40B4-BE49-F238E27FC236}">
              <a16:creationId xmlns:a16="http://schemas.microsoft.com/office/drawing/2014/main" id="{00000000-0008-0000-0000-000009000000}"/>
            </a:ext>
          </a:extLst>
        </xdr:cNvPr>
        <xdr:cNvSpPr/>
      </xdr:nvSpPr>
      <xdr:spPr>
        <a:xfrm>
          <a:off x="1930400" y="1762125"/>
          <a:ext cx="247651" cy="238125"/>
        </a:xfrm>
        <a:prstGeom prst="downArrow">
          <a:avLst/>
        </a:prstGeom>
        <a:solidFill>
          <a:srgbClr val="66FF66"/>
        </a:solidFill>
        <a:ln>
          <a:solidFill>
            <a:srgbClr val="00CC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vert="horz" rtlCol="0" anchor="ctr"/>
        <a:lstStyle/>
        <a:p>
          <a:pPr algn="ctr"/>
          <a:endParaRPr kumimoji="1" lang="ja-JP" altLang="en-US" sz="1000"/>
        </a:p>
      </xdr:txBody>
    </xdr:sp>
    <xdr:clientData/>
  </xdr:twoCellAnchor>
  <xdr:twoCellAnchor editAs="absolute">
    <xdr:from>
      <xdr:col>9</xdr:col>
      <xdr:colOff>121027</xdr:colOff>
      <xdr:row>10</xdr:row>
      <xdr:rowOff>114300</xdr:rowOff>
    </xdr:from>
    <xdr:to>
      <xdr:col>10</xdr:col>
      <xdr:colOff>150910</xdr:colOff>
      <xdr:row>11</xdr:row>
      <xdr:rowOff>9525</xdr:rowOff>
    </xdr:to>
    <xdr:sp macro="" textlink="">
      <xdr:nvSpPr>
        <xdr:cNvPr id="10" name="下矢印 9">
          <a:extLst>
            <a:ext uri="{FF2B5EF4-FFF2-40B4-BE49-F238E27FC236}">
              <a16:creationId xmlns:a16="http://schemas.microsoft.com/office/drawing/2014/main" id="{00000000-0008-0000-0000-00000A000000}"/>
            </a:ext>
          </a:extLst>
        </xdr:cNvPr>
        <xdr:cNvSpPr/>
      </xdr:nvSpPr>
      <xdr:spPr>
        <a:xfrm>
          <a:off x="3045202" y="2524125"/>
          <a:ext cx="318808" cy="425450"/>
        </a:xfrm>
        <a:prstGeom prst="downArrow">
          <a:avLst/>
        </a:prstGeom>
        <a:solidFill>
          <a:srgbClr val="66FF66"/>
        </a:solidFill>
        <a:ln>
          <a:solidFill>
            <a:srgbClr val="00CC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vert="horz" rtlCol="0" anchor="ctr"/>
        <a:lstStyle/>
        <a:p>
          <a:pPr algn="ctr"/>
          <a:endParaRPr kumimoji="1" lang="ja-JP" altLang="en-US" sz="1000"/>
        </a:p>
      </xdr:txBody>
    </xdr:sp>
    <xdr:clientData/>
  </xdr:twoCellAnchor>
  <xdr:twoCellAnchor editAs="absolute">
    <xdr:from>
      <xdr:col>6</xdr:col>
      <xdr:colOff>130175</xdr:colOff>
      <xdr:row>8</xdr:row>
      <xdr:rowOff>38100</xdr:rowOff>
    </xdr:from>
    <xdr:to>
      <xdr:col>17</xdr:col>
      <xdr:colOff>314325</xdr:colOff>
      <xdr:row>8</xdr:row>
      <xdr:rowOff>276225</xdr:rowOff>
    </xdr:to>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200275" y="1733550"/>
          <a:ext cx="3314700" cy="2349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rgbClr val="C00000"/>
              </a:solidFill>
            </a:rPr>
            <a:t>はい（県外や政令市で受給者であり、神奈川県へ転入してきた）</a:t>
          </a:r>
        </a:p>
      </xdr:txBody>
    </xdr:sp>
    <xdr:clientData/>
  </xdr:twoCellAnchor>
  <xdr:twoCellAnchor>
    <xdr:from>
      <xdr:col>17</xdr:col>
      <xdr:colOff>76199</xdr:colOff>
      <xdr:row>7</xdr:row>
      <xdr:rowOff>85725</xdr:rowOff>
    </xdr:from>
    <xdr:to>
      <xdr:col>18</xdr:col>
      <xdr:colOff>107949</xdr:colOff>
      <xdr:row>8</xdr:row>
      <xdr:rowOff>168275</xdr:rowOff>
    </xdr:to>
    <xdr:sp macro="" textlink="">
      <xdr:nvSpPr>
        <xdr:cNvPr id="12" name="曲折矢印 11">
          <a:extLst>
            <a:ext uri="{FF2B5EF4-FFF2-40B4-BE49-F238E27FC236}">
              <a16:creationId xmlns:a16="http://schemas.microsoft.com/office/drawing/2014/main" id="{00000000-0008-0000-0000-00000C000000}"/>
            </a:ext>
          </a:extLst>
        </xdr:cNvPr>
        <xdr:cNvSpPr/>
      </xdr:nvSpPr>
      <xdr:spPr>
        <a:xfrm rot="5400000">
          <a:off x="5460999" y="1406525"/>
          <a:ext cx="311150" cy="622300"/>
        </a:xfrm>
        <a:prstGeom prst="bentArrow">
          <a:avLst>
            <a:gd name="adj1" fmla="val 25000"/>
            <a:gd name="adj2" fmla="val 34421"/>
            <a:gd name="adj3" fmla="val 31360"/>
            <a:gd name="adj4" fmla="val 40046"/>
          </a:avLst>
        </a:prstGeom>
        <a:solidFill>
          <a:srgbClr val="66FF66"/>
        </a:solidFill>
        <a:ln>
          <a:solidFill>
            <a:srgbClr val="00CC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twoCellAnchor>
    <xdr:from>
      <xdr:col>20</xdr:col>
      <xdr:colOff>47625</xdr:colOff>
      <xdr:row>53</xdr:row>
      <xdr:rowOff>85725</xdr:rowOff>
    </xdr:from>
    <xdr:to>
      <xdr:col>21</xdr:col>
      <xdr:colOff>28575</xdr:colOff>
      <xdr:row>56</xdr:row>
      <xdr:rowOff>371475</xdr:rowOff>
    </xdr:to>
    <xdr:sp macro="" textlink="">
      <xdr:nvSpPr>
        <xdr:cNvPr id="4" name="右中かっこ 3">
          <a:extLst>
            <a:ext uri="{FF2B5EF4-FFF2-40B4-BE49-F238E27FC236}">
              <a16:creationId xmlns:a16="http://schemas.microsoft.com/office/drawing/2014/main" id="{00000000-0008-0000-0000-000004000000}"/>
            </a:ext>
          </a:extLst>
        </xdr:cNvPr>
        <xdr:cNvSpPr/>
      </xdr:nvSpPr>
      <xdr:spPr>
        <a:xfrm>
          <a:off x="6257925" y="16230600"/>
          <a:ext cx="228600" cy="1285875"/>
        </a:xfrm>
        <a:prstGeom prst="rightBrace">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2</xdr:col>
      <xdr:colOff>289737</xdr:colOff>
      <xdr:row>67</xdr:row>
      <xdr:rowOff>1253614</xdr:rowOff>
    </xdr:from>
    <xdr:to>
      <xdr:col>22</xdr:col>
      <xdr:colOff>603140</xdr:colOff>
      <xdr:row>69</xdr:row>
      <xdr:rowOff>1</xdr:rowOff>
    </xdr:to>
    <xdr:sp macro="" textlink="">
      <xdr:nvSpPr>
        <xdr:cNvPr id="19" name="下矢印 18">
          <a:extLst>
            <a:ext uri="{FF2B5EF4-FFF2-40B4-BE49-F238E27FC236}">
              <a16:creationId xmlns:a16="http://schemas.microsoft.com/office/drawing/2014/main" id="{00000000-0008-0000-0000-000013000000}"/>
            </a:ext>
          </a:extLst>
        </xdr:cNvPr>
        <xdr:cNvSpPr/>
      </xdr:nvSpPr>
      <xdr:spPr>
        <a:xfrm>
          <a:off x="7538705" y="18758570"/>
          <a:ext cx="313403" cy="241591"/>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7</xdr:col>
      <xdr:colOff>189681</xdr:colOff>
      <xdr:row>1</xdr:row>
      <xdr:rowOff>105685</xdr:rowOff>
    </xdr:from>
    <xdr:to>
      <xdr:col>118</xdr:col>
      <xdr:colOff>145378</xdr:colOff>
      <xdr:row>17</xdr:row>
      <xdr:rowOff>122465</xdr:rowOff>
    </xdr:to>
    <xdr:sp macro="" textlink="">
      <xdr:nvSpPr>
        <xdr:cNvPr id="13" name="テキスト ボックス 12">
          <a:extLst>
            <a:ext uri="{FF2B5EF4-FFF2-40B4-BE49-F238E27FC236}">
              <a16:creationId xmlns:a16="http://schemas.microsoft.com/office/drawing/2014/main" id="{00000000-0008-0000-0100-00000D000000}"/>
            </a:ext>
          </a:extLst>
        </xdr:cNvPr>
        <xdr:cNvSpPr txBox="1"/>
      </xdr:nvSpPr>
      <xdr:spPr>
        <a:xfrm>
          <a:off x="15919538" y="486685"/>
          <a:ext cx="8324090" cy="4969780"/>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0"/>
            <a:t>このまま印刷してください。</a:t>
          </a:r>
          <a:endParaRPr kumimoji="1" lang="en-US" altLang="ja-JP" sz="8000"/>
        </a:p>
        <a:p>
          <a:r>
            <a:rPr kumimoji="1" lang="ja-JP" altLang="en-US" sz="6000"/>
            <a:t>次のシートも印刷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77</xdr:col>
      <xdr:colOff>189681</xdr:colOff>
      <xdr:row>1</xdr:row>
      <xdr:rowOff>105685</xdr:rowOff>
    </xdr:from>
    <xdr:to>
      <xdr:col>118</xdr:col>
      <xdr:colOff>145378</xdr:colOff>
      <xdr:row>17</xdr:row>
      <xdr:rowOff>122465</xdr:rowOff>
    </xdr:to>
    <xdr:sp macro="" textlink="">
      <xdr:nvSpPr>
        <xdr:cNvPr id="2" name="テキスト ボックス 1">
          <a:extLst>
            <a:ext uri="{FF2B5EF4-FFF2-40B4-BE49-F238E27FC236}">
              <a16:creationId xmlns:a16="http://schemas.microsoft.com/office/drawing/2014/main" id="{51D25D22-C34E-44E6-929D-8788C9884E0C}"/>
            </a:ext>
          </a:extLst>
        </xdr:cNvPr>
        <xdr:cNvSpPr txBox="1"/>
      </xdr:nvSpPr>
      <xdr:spPr>
        <a:xfrm>
          <a:off x="16277406" y="483510"/>
          <a:ext cx="8544072" cy="498565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0"/>
            <a:t>このまま印刷してください。</a:t>
          </a:r>
          <a:endParaRPr kumimoji="1" lang="en-US" altLang="ja-JP" sz="8000"/>
        </a:p>
        <a:p>
          <a:r>
            <a:rPr kumimoji="1" lang="ja-JP" altLang="en-US" sz="6000"/>
            <a:t>次のシートも印刷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77</xdr:col>
      <xdr:colOff>189681</xdr:colOff>
      <xdr:row>1</xdr:row>
      <xdr:rowOff>105685</xdr:rowOff>
    </xdr:from>
    <xdr:to>
      <xdr:col>118</xdr:col>
      <xdr:colOff>145378</xdr:colOff>
      <xdr:row>17</xdr:row>
      <xdr:rowOff>122465</xdr:rowOff>
    </xdr:to>
    <xdr:sp macro="" textlink="">
      <xdr:nvSpPr>
        <xdr:cNvPr id="2" name="テキスト ボックス 1">
          <a:extLst>
            <a:ext uri="{FF2B5EF4-FFF2-40B4-BE49-F238E27FC236}">
              <a16:creationId xmlns:a16="http://schemas.microsoft.com/office/drawing/2014/main" id="{D2CE59F0-DE0C-4209-8575-9B480C2CC8D8}"/>
            </a:ext>
          </a:extLst>
        </xdr:cNvPr>
        <xdr:cNvSpPr txBox="1"/>
      </xdr:nvSpPr>
      <xdr:spPr>
        <a:xfrm>
          <a:off x="16277406" y="483510"/>
          <a:ext cx="8544072" cy="498565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0"/>
            <a:t>このまま印刷してください。</a:t>
          </a:r>
          <a:endParaRPr kumimoji="1" lang="en-US" altLang="ja-JP" sz="8000"/>
        </a:p>
        <a:p>
          <a:r>
            <a:rPr kumimoji="1" lang="ja-JP" altLang="en-US" sz="6000"/>
            <a:t>次のシートも印刷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a:solidFill>
          <a:schemeClr val="lt1"/>
        </a:solidFill>
        <a:ln w="9525" cmpd="sng">
          <a:solidFill>
            <a:schemeClr val="lt1">
              <a:shade val="50000"/>
            </a:schemeClr>
          </a:solidFill>
        </a:ln>
      </a:spPr>
      <a:bodyPr vertOverflow="clip" wrap="square" rtlCol="0" anchor="t"/>
      <a:lstStyle>
        <a:defPPr>
          <a:defRPr kumimoji="1" sz="1000"/>
        </a:defPPr>
      </a:lstStyle>
      <a:style>
        <a:lnRef idx="0">
          <a:scrgbClr r="0" g="0" b="0"/>
        </a:lnRef>
        <a:fillRef idx="0">
          <a:scrgbClr r="0" g="0" b="0"/>
        </a:fillRef>
        <a:effectRef idx="0">
          <a:scrgbClr r="0" g="0" b="0"/>
        </a:effectRef>
        <a:fontRef idx="minor">
          <a:schemeClr val="dk1"/>
        </a:fontRef>
      </a:style>
    </a:tx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A1:AY344"/>
  <sheetViews>
    <sheetView showGridLines="0" showZeros="0" tabSelected="1" zoomScale="85" zoomScaleNormal="85" zoomScaleSheetLayoutView="100" workbookViewId="0">
      <selection activeCell="H10" sqref="H10:I10"/>
    </sheetView>
  </sheetViews>
  <sheetFormatPr defaultColWidth="9" defaultRowHeight="14" x14ac:dyDescent="0.2"/>
  <cols>
    <col min="1" max="1" width="3.75" style="444" customWidth="1"/>
    <col min="2" max="2" width="4.83203125" style="444" customWidth="1"/>
    <col min="3" max="3" width="3.75" style="444" customWidth="1"/>
    <col min="4" max="4" width="4.33203125" style="444" customWidth="1"/>
    <col min="5" max="5" width="3.75" style="444" customWidth="1"/>
    <col min="6" max="6" width="6.58203125" style="444" customWidth="1"/>
    <col min="7" max="15" width="3.75" style="444" customWidth="1"/>
    <col min="16" max="16" width="4.1640625" style="444" customWidth="1"/>
    <col min="17" max="17" width="3.25" style="444" customWidth="1"/>
    <col min="18" max="18" width="4.5" style="444" customWidth="1"/>
    <col min="19" max="19" width="3.75" style="444" customWidth="1"/>
    <col min="20" max="20" width="5" style="444" customWidth="1"/>
    <col min="21" max="21" width="3.25" style="445" customWidth="1"/>
    <col min="22" max="23" width="11.58203125" style="445" customWidth="1"/>
    <col min="24" max="24" width="4.58203125" style="445" customWidth="1"/>
    <col min="25" max="28" width="4.58203125" style="446" customWidth="1"/>
    <col min="29" max="29" width="3.83203125" style="446" customWidth="1"/>
    <col min="30" max="30" width="4.5" style="446" customWidth="1"/>
    <col min="31" max="31" width="5.08203125" style="446" customWidth="1"/>
    <col min="32" max="32" width="5.75" style="446" customWidth="1"/>
    <col min="33" max="36" width="4.5" style="446" customWidth="1"/>
    <col min="37" max="38" width="9" style="447"/>
    <col min="39" max="41" width="3.75" style="448" customWidth="1"/>
    <col min="42" max="42" width="3.75" style="449" customWidth="1"/>
    <col min="43" max="51" width="3.75" style="444" customWidth="1"/>
    <col min="52" max="16384" width="9" style="444"/>
  </cols>
  <sheetData>
    <row r="1" spans="1:48" ht="18" customHeight="1" x14ac:dyDescent="0.2"/>
    <row r="2" spans="1:48" ht="18" customHeight="1" x14ac:dyDescent="0.2"/>
    <row r="3" spans="1:48" ht="18" customHeight="1" x14ac:dyDescent="0.2"/>
    <row r="4" spans="1:48" ht="18" customHeight="1" x14ac:dyDescent="0.2"/>
    <row r="5" spans="1:48" ht="18" customHeight="1" x14ac:dyDescent="0.2"/>
    <row r="6" spans="1:48" ht="18" customHeight="1" thickBot="1" x14ac:dyDescent="0.25">
      <c r="A6" s="450" t="s">
        <v>180</v>
      </c>
      <c r="B6" s="450"/>
      <c r="C6" s="450"/>
      <c r="D6" s="450"/>
      <c r="E6" s="450"/>
      <c r="F6" s="450"/>
      <c r="G6" s="450"/>
      <c r="H6" s="450"/>
      <c r="I6" s="450"/>
      <c r="J6" s="450"/>
      <c r="K6" s="450"/>
      <c r="L6" s="450"/>
      <c r="M6" s="450"/>
      <c r="N6" s="450"/>
      <c r="O6" s="450"/>
      <c r="P6" s="450"/>
      <c r="Q6" s="450"/>
      <c r="R6" s="450"/>
      <c r="S6" s="450"/>
      <c r="T6" s="450"/>
      <c r="U6" s="450"/>
      <c r="V6" s="450"/>
    </row>
    <row r="7" spans="1:48" ht="8.15" customHeight="1" thickBot="1" x14ac:dyDescent="0.25">
      <c r="A7" s="451"/>
      <c r="B7" s="451"/>
      <c r="C7" s="451"/>
      <c r="D7" s="451"/>
      <c r="E7" s="451"/>
      <c r="F7" s="451"/>
      <c r="G7" s="451"/>
      <c r="H7" s="451"/>
      <c r="I7" s="451"/>
      <c r="J7" s="451"/>
      <c r="K7" s="451"/>
      <c r="L7" s="451"/>
    </row>
    <row r="8" spans="1:48" ht="18" customHeight="1" thickBot="1" x14ac:dyDescent="0.25">
      <c r="A8" s="461"/>
      <c r="B8" s="651"/>
      <c r="C8" s="652"/>
      <c r="D8" s="652"/>
      <c r="E8" s="652"/>
      <c r="F8" s="652"/>
      <c r="G8" s="652"/>
      <c r="H8" s="652"/>
      <c r="I8" s="652"/>
      <c r="J8" s="652"/>
      <c r="K8" s="652"/>
      <c r="L8" s="652"/>
      <c r="M8" s="652"/>
      <c r="N8" s="652"/>
      <c r="O8" s="652"/>
      <c r="P8" s="652"/>
      <c r="Q8" s="653"/>
      <c r="R8" s="453"/>
      <c r="S8" s="453"/>
      <c r="T8" s="453"/>
      <c r="V8" s="445" t="s">
        <v>117</v>
      </c>
      <c r="W8" s="445" t="s">
        <v>150</v>
      </c>
      <c r="X8" s="445" t="s">
        <v>419</v>
      </c>
    </row>
    <row r="9" spans="1:48" ht="25" customHeight="1" thickBot="1" x14ac:dyDescent="0.25">
      <c r="U9" s="444"/>
      <c r="V9" s="444"/>
      <c r="W9" s="444"/>
      <c r="X9" s="444"/>
      <c r="Y9" s="444"/>
      <c r="Z9" s="444"/>
      <c r="AA9" s="444"/>
      <c r="AB9" s="444"/>
      <c r="AC9" s="444"/>
      <c r="AD9" s="444"/>
      <c r="AE9" s="444"/>
      <c r="AF9" s="448"/>
      <c r="AG9" s="448"/>
      <c r="AH9" s="448"/>
      <c r="AI9" s="448"/>
      <c r="AJ9" s="448"/>
      <c r="AM9" s="445"/>
      <c r="AN9" s="445"/>
      <c r="AO9" s="446"/>
      <c r="AP9" s="454"/>
      <c r="AQ9" s="446"/>
      <c r="AR9" s="446"/>
      <c r="AS9" s="446"/>
      <c r="AT9" s="446"/>
      <c r="AU9" s="455">
        <v>2</v>
      </c>
      <c r="AV9" s="455" t="s">
        <v>4</v>
      </c>
    </row>
    <row r="10" spans="1:48" ht="30.5" customHeight="1" thickBot="1" x14ac:dyDescent="0.25">
      <c r="D10" s="456" t="s">
        <v>175</v>
      </c>
      <c r="E10" s="457"/>
      <c r="F10" s="457"/>
      <c r="G10" s="457"/>
      <c r="H10" s="659"/>
      <c r="I10" s="660"/>
      <c r="J10" s="661" t="s">
        <v>148</v>
      </c>
      <c r="K10" s="662"/>
      <c r="L10" s="663"/>
      <c r="M10" s="664" t="s">
        <v>149</v>
      </c>
      <c r="N10" s="458"/>
      <c r="P10" s="456" t="s">
        <v>176</v>
      </c>
      <c r="Q10" s="456"/>
      <c r="R10" s="654"/>
      <c r="S10" s="656"/>
      <c r="T10" s="657"/>
      <c r="U10" s="657"/>
      <c r="V10" s="658"/>
      <c r="W10" s="655" t="s">
        <v>420</v>
      </c>
      <c r="X10" s="459"/>
      <c r="Y10" s="459"/>
      <c r="Z10" s="459"/>
      <c r="AA10" s="459"/>
      <c r="AB10" s="459"/>
      <c r="AC10" s="459"/>
      <c r="AD10" s="459"/>
      <c r="AE10" s="459"/>
      <c r="AF10" s="459"/>
      <c r="AG10" s="445"/>
      <c r="AH10" s="445"/>
      <c r="AI10" s="445"/>
      <c r="AJ10" s="445"/>
      <c r="AM10" s="445"/>
      <c r="AN10" s="446"/>
      <c r="AO10" s="446"/>
      <c r="AP10" s="454"/>
      <c r="AQ10" s="446"/>
      <c r="AR10" s="446"/>
      <c r="AS10" s="446"/>
      <c r="AT10" s="455">
        <v>3</v>
      </c>
      <c r="AU10" s="455" t="s">
        <v>5</v>
      </c>
    </row>
    <row r="11" spans="1:48" ht="42" customHeight="1" x14ac:dyDescent="0.2">
      <c r="U11" s="444"/>
      <c r="V11" s="444"/>
      <c r="W11" s="444"/>
      <c r="X11" s="444"/>
      <c r="Y11" s="444"/>
      <c r="Z11" s="444"/>
      <c r="AA11" s="444"/>
      <c r="AB11" s="444"/>
      <c r="AC11" s="444"/>
      <c r="AD11" s="444"/>
      <c r="AE11" s="444"/>
      <c r="AF11" s="448"/>
      <c r="AG11" s="448"/>
      <c r="AH11" s="448"/>
      <c r="AI11" s="448"/>
      <c r="AJ11" s="448"/>
      <c r="AM11" s="445"/>
      <c r="AN11" s="445"/>
      <c r="AO11" s="446"/>
      <c r="AP11" s="454"/>
      <c r="AQ11" s="446"/>
      <c r="AR11" s="446"/>
      <c r="AS11" s="446"/>
      <c r="AT11" s="446"/>
      <c r="AU11" s="455">
        <v>4</v>
      </c>
      <c r="AV11" s="455" t="s">
        <v>6</v>
      </c>
    </row>
    <row r="12" spans="1:48" ht="18" customHeight="1" thickBot="1" x14ac:dyDescent="0.25">
      <c r="B12" s="645" t="s">
        <v>409</v>
      </c>
      <c r="C12" s="646"/>
      <c r="D12" s="646"/>
      <c r="E12" s="646"/>
      <c r="F12" s="646"/>
      <c r="G12" s="646"/>
      <c r="H12" s="646"/>
      <c r="I12" s="646"/>
      <c r="J12" s="646"/>
      <c r="K12" s="646"/>
      <c r="L12" s="646"/>
      <c r="M12" s="461"/>
      <c r="N12" s="461"/>
      <c r="O12" s="461"/>
      <c r="P12" s="461"/>
      <c r="Q12" s="461"/>
      <c r="R12" s="461"/>
      <c r="S12" s="461"/>
      <c r="T12" s="461"/>
      <c r="Y12" s="445"/>
    </row>
    <row r="13" spans="1:48" ht="25" customHeight="1" x14ac:dyDescent="0.2">
      <c r="A13" s="461"/>
      <c r="B13" s="112" t="s">
        <v>168</v>
      </c>
      <c r="C13" s="80"/>
      <c r="D13" s="80"/>
      <c r="E13" s="166" t="s">
        <v>160</v>
      </c>
      <c r="F13" s="168"/>
      <c r="G13" s="106"/>
      <c r="H13" s="108"/>
      <c r="I13" s="36" t="s">
        <v>53</v>
      </c>
      <c r="J13" s="647"/>
      <c r="K13" s="647"/>
      <c r="L13" s="36" t="s">
        <v>54</v>
      </c>
      <c r="M13" s="647"/>
      <c r="N13" s="647"/>
      <c r="O13" s="36" t="s">
        <v>55</v>
      </c>
      <c r="P13" s="487"/>
      <c r="Q13" s="488"/>
      <c r="R13" s="488"/>
      <c r="S13" s="488"/>
      <c r="T13" s="648"/>
      <c r="U13" s="462" t="s">
        <v>412</v>
      </c>
      <c r="X13" s="446"/>
      <c r="AJ13" s="447"/>
      <c r="AL13" s="448"/>
      <c r="AO13" s="449"/>
      <c r="AP13" s="444"/>
    </row>
    <row r="14" spans="1:48" ht="26.25" customHeight="1" x14ac:dyDescent="0.2">
      <c r="B14" s="649" t="s">
        <v>442</v>
      </c>
      <c r="C14" s="149"/>
      <c r="D14" s="150"/>
      <c r="E14" s="463"/>
      <c r="F14" s="464"/>
      <c r="G14" s="464"/>
      <c r="H14" s="464"/>
      <c r="I14" s="464"/>
      <c r="J14" s="464"/>
      <c r="K14" s="464"/>
      <c r="L14" s="464"/>
      <c r="M14" s="464"/>
      <c r="N14" s="464"/>
      <c r="O14" s="464"/>
      <c r="P14" s="464"/>
      <c r="Q14" s="464"/>
      <c r="R14" s="464"/>
      <c r="S14" s="464"/>
      <c r="T14" s="650"/>
      <c r="U14" s="462" t="s">
        <v>443</v>
      </c>
      <c r="V14" s="465"/>
      <c r="W14" s="465"/>
      <c r="X14" s="466"/>
      <c r="Y14" s="467"/>
      <c r="Z14" s="467"/>
      <c r="AA14" s="467"/>
      <c r="AB14" s="468"/>
      <c r="AC14" s="468"/>
      <c r="AD14" s="468"/>
      <c r="AE14" s="468"/>
      <c r="AF14" s="468"/>
      <c r="AG14" s="468"/>
      <c r="AH14" s="468"/>
      <c r="AI14" s="468"/>
      <c r="AJ14" s="468"/>
    </row>
    <row r="15" spans="1:48" ht="25" customHeight="1" thickBot="1" x14ac:dyDescent="0.25">
      <c r="A15" s="461"/>
      <c r="B15" s="631" t="s">
        <v>167</v>
      </c>
      <c r="C15" s="81"/>
      <c r="D15" s="81"/>
      <c r="E15" s="83"/>
      <c r="F15" s="83"/>
      <c r="G15" s="83"/>
      <c r="H15" s="83"/>
      <c r="I15" s="83"/>
      <c r="J15" s="83"/>
      <c r="K15" s="83"/>
      <c r="L15" s="83"/>
      <c r="M15" s="83"/>
      <c r="N15" s="83"/>
      <c r="O15" s="83"/>
      <c r="P15" s="83"/>
      <c r="Q15" s="83"/>
      <c r="R15" s="83"/>
      <c r="S15" s="83"/>
      <c r="T15" s="625"/>
      <c r="U15" s="462" t="s">
        <v>458</v>
      </c>
      <c r="AJ15" s="447"/>
      <c r="AL15" s="448"/>
      <c r="AO15" s="449"/>
      <c r="AP15" s="444"/>
    </row>
    <row r="16" spans="1:48" s="471" customFormat="1" ht="25" customHeight="1" x14ac:dyDescent="0.2">
      <c r="A16" s="469"/>
      <c r="B16" s="24"/>
      <c r="C16" s="24"/>
      <c r="D16" s="24"/>
      <c r="E16" s="23"/>
      <c r="F16" s="23"/>
      <c r="G16" s="23"/>
      <c r="H16" s="23"/>
      <c r="I16" s="23"/>
      <c r="J16" s="23"/>
      <c r="K16" s="23"/>
      <c r="L16" s="23"/>
      <c r="M16" s="23"/>
      <c r="N16" s="23"/>
      <c r="O16" s="23"/>
      <c r="P16" s="23"/>
      <c r="Q16" s="23"/>
      <c r="R16" s="23"/>
      <c r="S16" s="23"/>
      <c r="T16" s="23"/>
      <c r="U16" s="454"/>
      <c r="V16" s="446"/>
      <c r="W16" s="446"/>
      <c r="X16" s="446"/>
      <c r="Y16" s="446"/>
      <c r="Z16" s="446"/>
      <c r="AA16" s="446"/>
      <c r="AB16" s="446"/>
      <c r="AC16" s="446"/>
      <c r="AD16" s="446"/>
      <c r="AE16" s="446"/>
      <c r="AF16" s="446"/>
      <c r="AG16" s="446"/>
      <c r="AH16" s="446"/>
      <c r="AI16" s="446"/>
      <c r="AJ16" s="470"/>
      <c r="AK16" s="470"/>
      <c r="AL16" s="446"/>
      <c r="AM16" s="446"/>
      <c r="AN16" s="446"/>
      <c r="AO16" s="454"/>
    </row>
    <row r="17" spans="1:42" ht="18" customHeight="1" thickBot="1" x14ac:dyDescent="0.25">
      <c r="A17" s="472"/>
      <c r="B17" s="473" t="s">
        <v>459</v>
      </c>
      <c r="C17" s="473"/>
      <c r="D17" s="473"/>
      <c r="E17" s="473"/>
      <c r="F17" s="473"/>
      <c r="G17" s="473"/>
      <c r="H17" s="473"/>
      <c r="I17" s="473"/>
      <c r="J17" s="473"/>
      <c r="K17" s="473"/>
      <c r="L17" s="473"/>
      <c r="M17" s="473"/>
      <c r="N17" s="473"/>
      <c r="O17" s="473"/>
      <c r="P17" s="473"/>
      <c r="Q17" s="473"/>
      <c r="R17" s="473"/>
      <c r="S17" s="474"/>
      <c r="T17" s="460"/>
      <c r="AG17" s="475"/>
    </row>
    <row r="18" spans="1:42" ht="18" customHeight="1" thickTop="1" thickBot="1" x14ac:dyDescent="0.25">
      <c r="A18" s="461"/>
      <c r="B18" s="461" t="s">
        <v>170</v>
      </c>
      <c r="C18" s="461"/>
      <c r="D18" s="461"/>
      <c r="E18" s="461"/>
      <c r="F18" s="461"/>
      <c r="G18" s="461"/>
      <c r="H18" s="461"/>
      <c r="I18" s="461"/>
      <c r="J18" s="461"/>
      <c r="K18" s="461"/>
      <c r="L18" s="461"/>
      <c r="M18" s="461"/>
      <c r="N18" s="461"/>
      <c r="O18" s="461"/>
      <c r="P18" s="461"/>
      <c r="Q18" s="461"/>
      <c r="R18" s="461"/>
      <c r="T18" s="476"/>
      <c r="AG18" s="475"/>
    </row>
    <row r="19" spans="1:42" ht="23.5" customHeight="1" x14ac:dyDescent="0.2">
      <c r="A19" s="461"/>
      <c r="B19" s="477" t="s">
        <v>442</v>
      </c>
      <c r="C19" s="477"/>
      <c r="D19" s="477"/>
      <c r="E19" s="477"/>
      <c r="F19" s="477"/>
      <c r="G19" s="477"/>
      <c r="H19" s="634"/>
      <c r="I19" s="635"/>
      <c r="J19" s="635"/>
      <c r="K19" s="635"/>
      <c r="L19" s="635"/>
      <c r="M19" s="635"/>
      <c r="N19" s="635"/>
      <c r="O19" s="635"/>
      <c r="P19" s="635"/>
      <c r="Q19" s="636"/>
      <c r="R19" s="461"/>
      <c r="S19" s="444" t="s">
        <v>461</v>
      </c>
      <c r="T19" s="461"/>
      <c r="AG19" s="475"/>
    </row>
    <row r="20" spans="1:42" ht="23.5" customHeight="1" x14ac:dyDescent="0.2">
      <c r="A20" s="461"/>
      <c r="B20" s="478" t="s">
        <v>153</v>
      </c>
      <c r="C20" s="478"/>
      <c r="D20" s="478"/>
      <c r="E20" s="478"/>
      <c r="F20" s="478"/>
      <c r="G20" s="478"/>
      <c r="H20" s="637"/>
      <c r="I20" s="109"/>
      <c r="J20" s="109"/>
      <c r="K20" s="109"/>
      <c r="L20" s="109"/>
      <c r="M20" s="109"/>
      <c r="N20" s="109"/>
      <c r="O20" s="109"/>
      <c r="P20" s="109"/>
      <c r="Q20" s="157"/>
      <c r="R20" s="479"/>
      <c r="S20" s="479"/>
      <c r="T20" s="479"/>
      <c r="U20" s="479"/>
      <c r="V20" s="480"/>
      <c r="W20" s="480"/>
      <c r="X20" s="480"/>
      <c r="Y20" s="445"/>
      <c r="Z20" s="445"/>
      <c r="AG20" s="475"/>
    </row>
    <row r="21" spans="1:42" ht="23.15" customHeight="1" thickBot="1" x14ac:dyDescent="0.25">
      <c r="A21" s="461"/>
      <c r="B21" s="478" t="s">
        <v>154</v>
      </c>
      <c r="C21" s="478"/>
      <c r="D21" s="478"/>
      <c r="E21" s="478"/>
      <c r="F21" s="478"/>
      <c r="G21" s="478"/>
      <c r="H21" s="638" t="s">
        <v>160</v>
      </c>
      <c r="I21" s="639"/>
      <c r="J21" s="640"/>
      <c r="K21" s="641"/>
      <c r="L21" s="35" t="s">
        <v>0</v>
      </c>
      <c r="M21" s="642"/>
      <c r="N21" s="642"/>
      <c r="O21" s="35" t="s">
        <v>1</v>
      </c>
      <c r="P21" s="643"/>
      <c r="Q21" s="644" t="s">
        <v>2</v>
      </c>
      <c r="R21" s="481"/>
      <c r="S21" s="462" t="s">
        <v>413</v>
      </c>
      <c r="T21" s="481"/>
      <c r="U21" s="481"/>
      <c r="V21" s="480"/>
      <c r="W21" s="480"/>
      <c r="X21" s="480"/>
      <c r="Y21" s="445"/>
      <c r="Z21" s="445"/>
      <c r="AM21" s="455"/>
      <c r="AN21" s="482"/>
    </row>
    <row r="22" spans="1:42" s="471" customFormat="1" ht="23" customHeight="1" x14ac:dyDescent="0.2">
      <c r="A22" s="469"/>
      <c r="B22" s="483"/>
      <c r="C22" s="483"/>
      <c r="D22" s="483"/>
      <c r="E22" s="483"/>
      <c r="F22" s="483"/>
      <c r="G22" s="483"/>
      <c r="H22" s="24"/>
      <c r="I22" s="24"/>
      <c r="J22" s="24"/>
      <c r="K22" s="24"/>
      <c r="L22" s="24"/>
      <c r="M22" s="24"/>
      <c r="N22" s="24"/>
      <c r="O22" s="24"/>
      <c r="P22" s="24"/>
      <c r="Q22" s="24"/>
      <c r="R22" s="481"/>
      <c r="S22" s="454"/>
      <c r="T22" s="481"/>
      <c r="U22" s="481"/>
      <c r="V22" s="480"/>
      <c r="W22" s="480"/>
      <c r="X22" s="480"/>
      <c r="Y22" s="446"/>
      <c r="Z22" s="446"/>
      <c r="AA22" s="446"/>
      <c r="AB22" s="446"/>
      <c r="AC22" s="446"/>
      <c r="AD22" s="446"/>
      <c r="AE22" s="446"/>
      <c r="AF22" s="446"/>
      <c r="AG22" s="446"/>
      <c r="AH22" s="446"/>
      <c r="AI22" s="446"/>
      <c r="AJ22" s="446"/>
      <c r="AK22" s="470"/>
      <c r="AL22" s="470"/>
      <c r="AM22" s="455"/>
      <c r="AN22" s="482"/>
      <c r="AO22" s="446"/>
      <c r="AP22" s="454"/>
    </row>
    <row r="23" spans="1:42" ht="18" customHeight="1" thickBot="1" x14ac:dyDescent="0.25">
      <c r="A23" s="473" t="s">
        <v>183</v>
      </c>
      <c r="B23" s="473"/>
      <c r="C23" s="473"/>
      <c r="D23" s="473"/>
      <c r="E23" s="473"/>
      <c r="F23" s="473"/>
      <c r="G23" s="473"/>
      <c r="H23" s="473"/>
      <c r="I23" s="473"/>
      <c r="J23" s="473"/>
      <c r="K23" s="461"/>
      <c r="L23" s="461"/>
      <c r="M23" s="461"/>
    </row>
    <row r="24" spans="1:42" ht="8.15" customHeight="1" thickTop="1" thickBot="1" x14ac:dyDescent="0.25">
      <c r="A24" s="484"/>
      <c r="B24" s="484"/>
      <c r="C24" s="484"/>
      <c r="D24" s="484"/>
      <c r="E24" s="484"/>
      <c r="F24" s="485"/>
      <c r="G24" s="484"/>
      <c r="H24" s="484"/>
      <c r="I24" s="484"/>
      <c r="J24" s="461"/>
      <c r="K24" s="461"/>
      <c r="L24" s="461"/>
      <c r="M24" s="461"/>
    </row>
    <row r="25" spans="1:42" ht="26.25" customHeight="1" x14ac:dyDescent="0.2">
      <c r="B25" s="112" t="s">
        <v>52</v>
      </c>
      <c r="C25" s="80"/>
      <c r="D25" s="80"/>
      <c r="E25" s="80"/>
      <c r="F25" s="80"/>
      <c r="G25" s="113"/>
      <c r="H25" s="113"/>
      <c r="I25" s="113"/>
      <c r="J25" s="113"/>
      <c r="K25" s="113"/>
      <c r="L25" s="113"/>
      <c r="M25" s="113"/>
      <c r="N25" s="113"/>
      <c r="O25" s="113"/>
      <c r="P25" s="113"/>
      <c r="Q25" s="113"/>
      <c r="R25" s="113"/>
      <c r="S25" s="113"/>
      <c r="T25" s="114"/>
      <c r="U25" s="462" t="s">
        <v>444</v>
      </c>
    </row>
    <row r="26" spans="1:42" ht="26.25" customHeight="1" x14ac:dyDescent="0.2">
      <c r="B26" s="111" t="s">
        <v>145</v>
      </c>
      <c r="C26" s="63"/>
      <c r="D26" s="63"/>
      <c r="E26" s="63"/>
      <c r="F26" s="63"/>
      <c r="G26" s="100"/>
      <c r="H26" s="101"/>
      <c r="I26" s="130"/>
      <c r="J26" s="131"/>
      <c r="K26" s="132"/>
      <c r="L26" s="95" t="s">
        <v>0</v>
      </c>
      <c r="M26" s="103"/>
      <c r="N26" s="110"/>
      <c r="O26" s="110"/>
      <c r="P26" s="18" t="s">
        <v>1</v>
      </c>
      <c r="Q26" s="110"/>
      <c r="R26" s="110"/>
      <c r="S26" s="95" t="s">
        <v>2</v>
      </c>
      <c r="T26" s="176"/>
      <c r="U26" s="462" t="s">
        <v>177</v>
      </c>
    </row>
    <row r="27" spans="1:42" ht="26.25" customHeight="1" x14ac:dyDescent="0.2">
      <c r="B27" s="111" t="s">
        <v>49</v>
      </c>
      <c r="C27" s="63"/>
      <c r="D27" s="63"/>
      <c r="E27" s="63"/>
      <c r="F27" s="63"/>
      <c r="G27" s="115"/>
      <c r="H27" s="116"/>
      <c r="I27" s="116"/>
      <c r="J27" s="116"/>
      <c r="K27" s="116"/>
      <c r="L27" s="116"/>
      <c r="M27" s="116"/>
      <c r="N27" s="116"/>
      <c r="O27" s="116"/>
      <c r="P27" s="116"/>
      <c r="Q27" s="116"/>
      <c r="R27" s="116"/>
      <c r="S27" s="116"/>
      <c r="T27" s="117"/>
      <c r="U27" s="462" t="s">
        <v>444</v>
      </c>
    </row>
    <row r="28" spans="1:42" ht="26.25" customHeight="1" x14ac:dyDescent="0.2">
      <c r="B28" s="111" t="s">
        <v>51</v>
      </c>
      <c r="C28" s="63"/>
      <c r="D28" s="63"/>
      <c r="E28" s="63"/>
      <c r="F28" s="63"/>
      <c r="G28" s="177"/>
      <c r="H28" s="178"/>
      <c r="I28" s="178"/>
      <c r="J28" s="178"/>
      <c r="K28" s="178"/>
      <c r="L28" s="178"/>
      <c r="M28" s="178"/>
      <c r="N28" s="178"/>
      <c r="O28" s="178"/>
      <c r="P28" s="178"/>
      <c r="Q28" s="178"/>
      <c r="R28" s="178"/>
      <c r="S28" s="178"/>
      <c r="T28" s="179"/>
    </row>
    <row r="29" spans="1:42" ht="26.25" customHeight="1" thickBot="1" x14ac:dyDescent="0.25">
      <c r="B29" s="111"/>
      <c r="C29" s="63"/>
      <c r="D29" s="63"/>
      <c r="E29" s="63"/>
      <c r="F29" s="63"/>
      <c r="G29" s="180"/>
      <c r="H29" s="181"/>
      <c r="I29" s="181"/>
      <c r="J29" s="181"/>
      <c r="K29" s="181"/>
      <c r="L29" s="181"/>
      <c r="M29" s="181"/>
      <c r="N29" s="181"/>
      <c r="O29" s="181"/>
      <c r="P29" s="181"/>
      <c r="Q29" s="181"/>
      <c r="R29" s="181"/>
      <c r="S29" s="181"/>
      <c r="T29" s="182"/>
      <c r="W29" s="486"/>
      <c r="Y29" s="454"/>
    </row>
    <row r="30" spans="1:42" ht="26.25" customHeight="1" x14ac:dyDescent="0.2">
      <c r="B30" s="163" t="s">
        <v>463</v>
      </c>
      <c r="C30" s="166" t="s">
        <v>460</v>
      </c>
      <c r="D30" s="167"/>
      <c r="E30" s="167"/>
      <c r="F30" s="167"/>
      <c r="G30" s="167"/>
      <c r="H30" s="167"/>
      <c r="I30" s="167"/>
      <c r="J30" s="167"/>
      <c r="K30" s="167"/>
      <c r="L30" s="167"/>
      <c r="M30" s="167"/>
      <c r="N30" s="167"/>
      <c r="O30" s="168"/>
      <c r="P30" s="169"/>
      <c r="Q30" s="170"/>
      <c r="R30" s="170"/>
      <c r="S30" s="170"/>
      <c r="T30" s="170"/>
      <c r="U30" s="489" t="s">
        <v>462</v>
      </c>
      <c r="V30" s="490"/>
      <c r="W30" s="490"/>
      <c r="X30" s="490"/>
      <c r="Y30" s="490"/>
      <c r="Z30" s="490"/>
      <c r="AA30" s="490"/>
      <c r="AB30" s="490"/>
      <c r="AC30" s="490"/>
      <c r="AD30" s="490"/>
      <c r="AE30" s="490"/>
      <c r="AF30" s="490"/>
    </row>
    <row r="31" spans="1:42" ht="26.25" customHeight="1" x14ac:dyDescent="0.2">
      <c r="B31" s="164"/>
      <c r="C31" s="124" t="s">
        <v>465</v>
      </c>
      <c r="D31" s="124"/>
      <c r="E31" s="124"/>
      <c r="F31" s="124"/>
      <c r="G31" s="128"/>
      <c r="H31" s="128"/>
      <c r="I31" s="128"/>
      <c r="J31" s="128"/>
      <c r="K31" s="128"/>
      <c r="L31" s="128"/>
      <c r="M31" s="128"/>
      <c r="N31" s="128"/>
      <c r="O31" s="128"/>
      <c r="P31" s="128"/>
      <c r="Q31" s="128"/>
      <c r="R31" s="128"/>
      <c r="S31" s="128"/>
      <c r="T31" s="129"/>
      <c r="U31" s="489"/>
      <c r="V31" s="490"/>
      <c r="W31" s="490"/>
      <c r="X31" s="490"/>
      <c r="Y31" s="490"/>
      <c r="Z31" s="490"/>
      <c r="AA31" s="490"/>
      <c r="AB31" s="490"/>
      <c r="AC31" s="490"/>
      <c r="AD31" s="490"/>
      <c r="AE31" s="490"/>
      <c r="AF31" s="490"/>
    </row>
    <row r="32" spans="1:42" ht="26.25" customHeight="1" x14ac:dyDescent="0.2">
      <c r="B32" s="164"/>
      <c r="C32" s="124" t="s">
        <v>464</v>
      </c>
      <c r="D32" s="63"/>
      <c r="E32" s="63"/>
      <c r="F32" s="63"/>
      <c r="G32" s="110"/>
      <c r="H32" s="110"/>
      <c r="I32" s="110"/>
      <c r="J32" s="110"/>
      <c r="K32" s="110"/>
      <c r="L32" s="110"/>
      <c r="M32" s="110"/>
      <c r="N32" s="159" t="s">
        <v>188</v>
      </c>
      <c r="O32" s="160"/>
      <c r="P32" s="160"/>
      <c r="Q32" s="161"/>
      <c r="R32" s="110"/>
      <c r="S32" s="110"/>
      <c r="T32" s="162"/>
      <c r="U32" s="489"/>
      <c r="V32" s="490"/>
      <c r="W32" s="490"/>
      <c r="X32" s="490"/>
      <c r="Y32" s="490"/>
      <c r="Z32" s="490"/>
      <c r="AA32" s="490"/>
      <c r="AB32" s="490"/>
      <c r="AC32" s="490"/>
      <c r="AD32" s="490"/>
      <c r="AE32" s="490"/>
      <c r="AF32" s="490"/>
    </row>
    <row r="33" spans="1:42" ht="28.5" customHeight="1" thickBot="1" x14ac:dyDescent="0.25">
      <c r="A33" s="461"/>
      <c r="B33" s="165"/>
      <c r="C33" s="139" t="s">
        <v>450</v>
      </c>
      <c r="D33" s="140"/>
      <c r="E33" s="140"/>
      <c r="F33" s="141"/>
      <c r="G33" s="142"/>
      <c r="H33" s="143"/>
      <c r="I33" s="143"/>
      <c r="J33" s="143"/>
      <c r="K33" s="143"/>
      <c r="L33" s="143"/>
      <c r="M33" s="143"/>
      <c r="N33" s="143"/>
      <c r="O33" s="143"/>
      <c r="P33" s="143"/>
      <c r="Q33" s="143"/>
      <c r="R33" s="143"/>
      <c r="S33" s="143"/>
      <c r="T33" s="144"/>
      <c r="U33" s="444"/>
      <c r="V33" s="444"/>
      <c r="W33" s="444"/>
      <c r="X33" s="444"/>
      <c r="Y33" s="444"/>
      <c r="Z33" s="444"/>
      <c r="AA33" s="444"/>
      <c r="AB33" s="444"/>
      <c r="AC33" s="444"/>
      <c r="AD33" s="444"/>
      <c r="AE33" s="444"/>
      <c r="AF33" s="444"/>
    </row>
    <row r="34" spans="1:42" s="496" customFormat="1" ht="26.25" customHeight="1" thickBot="1" x14ac:dyDescent="0.25">
      <c r="A34" s="491" t="s">
        <v>466</v>
      </c>
      <c r="B34" s="492"/>
      <c r="C34" s="492"/>
      <c r="D34" s="492"/>
      <c r="E34" s="492"/>
      <c r="F34" s="492"/>
      <c r="G34" s="493"/>
      <c r="H34" s="493"/>
      <c r="I34" s="493"/>
      <c r="J34" s="493"/>
      <c r="K34" s="493"/>
      <c r="L34" s="493"/>
      <c r="M34" s="493"/>
      <c r="N34" s="29"/>
      <c r="O34" s="30"/>
      <c r="P34" s="30"/>
      <c r="Q34" s="30"/>
      <c r="R34" s="30"/>
      <c r="S34" s="30"/>
      <c r="T34" s="30"/>
      <c r="U34" s="494"/>
      <c r="V34" s="494"/>
      <c r="W34" s="494"/>
      <c r="X34" s="494"/>
      <c r="Y34" s="494"/>
      <c r="Z34" s="494"/>
      <c r="AA34" s="494"/>
      <c r="AB34" s="494"/>
      <c r="AC34" s="494"/>
      <c r="AD34" s="494"/>
      <c r="AE34" s="494"/>
      <c r="AF34" s="494"/>
      <c r="AG34" s="495"/>
      <c r="AH34" s="495"/>
      <c r="AI34" s="495"/>
      <c r="AJ34" s="495"/>
      <c r="AM34" s="495"/>
      <c r="AN34" s="495"/>
      <c r="AO34" s="495"/>
      <c r="AP34" s="497"/>
    </row>
    <row r="35" spans="1:42" s="502" customFormat="1" ht="10" customHeight="1" thickTop="1" thickBot="1" x14ac:dyDescent="0.25">
      <c r="A35" s="498"/>
      <c r="B35" s="498"/>
      <c r="C35" s="499"/>
      <c r="D35" s="499"/>
      <c r="E35" s="498"/>
      <c r="F35" s="498"/>
      <c r="G35" s="498"/>
      <c r="H35" s="498"/>
      <c r="I35" s="499"/>
      <c r="J35" s="498"/>
      <c r="K35" s="498"/>
      <c r="L35" s="498"/>
      <c r="M35" s="498"/>
      <c r="N35" s="25"/>
      <c r="O35" s="25"/>
      <c r="P35" s="25"/>
      <c r="Q35" s="25"/>
      <c r="R35" s="25"/>
      <c r="S35" s="25"/>
      <c r="T35" s="25"/>
      <c r="U35" s="500"/>
      <c r="V35" s="500"/>
      <c r="W35" s="500"/>
      <c r="X35" s="500"/>
      <c r="Y35" s="500"/>
      <c r="Z35" s="500"/>
      <c r="AA35" s="500"/>
      <c r="AB35" s="500"/>
      <c r="AC35" s="500"/>
      <c r="AD35" s="500"/>
      <c r="AE35" s="500"/>
      <c r="AF35" s="500"/>
      <c r="AG35" s="501"/>
      <c r="AH35" s="501"/>
      <c r="AI35" s="501"/>
      <c r="AJ35" s="501"/>
      <c r="AM35" s="501"/>
      <c r="AN35" s="501"/>
      <c r="AO35" s="501"/>
      <c r="AP35" s="503"/>
    </row>
    <row r="36" spans="1:42" ht="26.25" customHeight="1" x14ac:dyDescent="0.2">
      <c r="B36" s="195" t="s">
        <v>179</v>
      </c>
      <c r="C36" s="196"/>
      <c r="D36" s="196"/>
      <c r="E36" s="196"/>
      <c r="F36" s="197"/>
      <c r="G36" s="171"/>
      <c r="H36" s="145"/>
      <c r="I36" s="172" t="str">
        <f>IFERROR(VLOOKUP(G36,指定難病一覧!A:B,2,FALSE),"左欄に疾患番号を入力してください")</f>
        <v>左欄に疾患番号を入力してください</v>
      </c>
      <c r="J36" s="173"/>
      <c r="K36" s="173"/>
      <c r="L36" s="173"/>
      <c r="M36" s="173"/>
      <c r="N36" s="173"/>
      <c r="O36" s="173"/>
      <c r="P36" s="173"/>
      <c r="Q36" s="173"/>
      <c r="R36" s="173"/>
      <c r="S36" s="173"/>
      <c r="T36" s="174"/>
      <c r="U36" s="504" t="s">
        <v>406</v>
      </c>
      <c r="V36" s="505"/>
      <c r="W36" s="505"/>
      <c r="X36" s="505"/>
      <c r="Y36" s="505"/>
      <c r="Z36" s="505"/>
      <c r="AA36" s="505"/>
      <c r="AB36" s="505"/>
      <c r="AC36" s="505"/>
      <c r="AD36" s="505"/>
      <c r="AE36" s="505"/>
      <c r="AF36" s="505"/>
      <c r="AG36" s="506"/>
      <c r="AH36" s="506"/>
      <c r="AI36" s="506"/>
      <c r="AJ36" s="506"/>
    </row>
    <row r="37" spans="1:42" ht="26.25" customHeight="1" x14ac:dyDescent="0.2">
      <c r="B37" s="198"/>
      <c r="C37" s="199"/>
      <c r="D37" s="199"/>
      <c r="E37" s="199"/>
      <c r="F37" s="200"/>
      <c r="G37" s="101"/>
      <c r="H37" s="109"/>
      <c r="I37" s="125" t="str">
        <f>IFERROR(VLOOKUP(G37,指定難病一覧!A:B,2,FALSE),"２つの疾病を申請する際は、こちらにも入力してください")</f>
        <v>２つの疾病を申請する際は、こちらにも入力してください</v>
      </c>
      <c r="J37" s="126"/>
      <c r="K37" s="126"/>
      <c r="L37" s="126"/>
      <c r="M37" s="126"/>
      <c r="N37" s="126"/>
      <c r="O37" s="126"/>
      <c r="P37" s="126"/>
      <c r="Q37" s="126"/>
      <c r="R37" s="126"/>
      <c r="S37" s="126"/>
      <c r="T37" s="127"/>
      <c r="U37" s="504"/>
      <c r="V37" s="505"/>
      <c r="W37" s="505"/>
      <c r="X37" s="505"/>
      <c r="Y37" s="505"/>
      <c r="Z37" s="505"/>
      <c r="AA37" s="505"/>
      <c r="AB37" s="505"/>
      <c r="AC37" s="505"/>
      <c r="AD37" s="505"/>
      <c r="AE37" s="505"/>
      <c r="AF37" s="505"/>
      <c r="AG37" s="506"/>
      <c r="AH37" s="506"/>
      <c r="AI37" s="506"/>
      <c r="AJ37" s="506"/>
    </row>
    <row r="38" spans="1:42" ht="26.25" customHeight="1" x14ac:dyDescent="0.2">
      <c r="B38" s="201"/>
      <c r="C38" s="202"/>
      <c r="D38" s="202"/>
      <c r="E38" s="202"/>
      <c r="F38" s="203"/>
      <c r="G38" s="204"/>
      <c r="H38" s="205"/>
      <c r="I38" s="206" t="str">
        <f>IFERROR(VLOOKUP(G38,指定難病一覧!A:B,2,FALSE),"３つの疾病を申請する際は、こちらにも入力してください")</f>
        <v>３つの疾病を申請する際は、こちらにも入力してください</v>
      </c>
      <c r="J38" s="207"/>
      <c r="K38" s="207"/>
      <c r="L38" s="207"/>
      <c r="M38" s="207"/>
      <c r="N38" s="207"/>
      <c r="O38" s="207"/>
      <c r="P38" s="207"/>
      <c r="Q38" s="207"/>
      <c r="R38" s="207"/>
      <c r="S38" s="207"/>
      <c r="T38" s="208"/>
      <c r="U38" s="507"/>
      <c r="V38" s="507"/>
      <c r="W38" s="507"/>
      <c r="X38" s="507"/>
      <c r="Y38" s="507"/>
      <c r="Z38" s="507"/>
      <c r="AA38" s="507"/>
      <c r="AB38" s="507"/>
      <c r="AC38" s="507"/>
      <c r="AD38" s="507"/>
      <c r="AE38" s="507"/>
      <c r="AF38" s="507"/>
      <c r="AG38" s="506"/>
      <c r="AH38" s="506"/>
      <c r="AI38" s="506"/>
      <c r="AJ38" s="506"/>
    </row>
    <row r="39" spans="1:42" ht="36" customHeight="1" x14ac:dyDescent="0.2">
      <c r="B39" s="209" t="s">
        <v>467</v>
      </c>
      <c r="C39" s="202"/>
      <c r="D39" s="202"/>
      <c r="E39" s="202"/>
      <c r="F39" s="203"/>
      <c r="G39" s="60"/>
      <c r="H39" s="61"/>
      <c r="I39" s="61"/>
      <c r="J39" s="61"/>
      <c r="K39" s="61"/>
      <c r="L39" s="61"/>
      <c r="M39" s="61"/>
      <c r="N39" s="61"/>
      <c r="O39" s="61"/>
      <c r="P39" s="61"/>
      <c r="Q39" s="61"/>
      <c r="R39" s="61"/>
      <c r="S39" s="61"/>
      <c r="T39" s="62"/>
      <c r="U39" s="508" t="s">
        <v>468</v>
      </c>
      <c r="V39" s="505"/>
      <c r="W39" s="505"/>
      <c r="X39" s="505"/>
      <c r="Y39" s="505"/>
      <c r="Z39" s="505"/>
      <c r="AA39" s="505"/>
      <c r="AB39" s="505"/>
      <c r="AC39" s="505"/>
      <c r="AD39" s="505"/>
      <c r="AE39" s="505"/>
      <c r="AF39" s="505"/>
    </row>
    <row r="40" spans="1:42" s="471" customFormat="1" ht="48" customHeight="1" x14ac:dyDescent="0.2">
      <c r="A40" s="509"/>
      <c r="B40" s="210" t="s">
        <v>470</v>
      </c>
      <c r="C40" s="183"/>
      <c r="D40" s="183"/>
      <c r="E40" s="183"/>
      <c r="F40" s="211"/>
      <c r="G40" s="510"/>
      <c r="H40" s="511"/>
      <c r="I40" s="512"/>
      <c r="J40" s="34" t="s">
        <v>0</v>
      </c>
      <c r="K40" s="510"/>
      <c r="L40" s="511"/>
      <c r="M40" s="512"/>
      <c r="N40" s="212" t="s">
        <v>469</v>
      </c>
      <c r="O40" s="213"/>
      <c r="P40" s="513"/>
      <c r="Q40" s="513"/>
      <c r="R40" s="513"/>
      <c r="S40" s="214" t="s">
        <v>147</v>
      </c>
      <c r="T40" s="215"/>
      <c r="U40" s="595" t="s">
        <v>581</v>
      </c>
      <c r="V40" s="596"/>
      <c r="W40" s="596"/>
      <c r="X40" s="596"/>
      <c r="Y40" s="596"/>
      <c r="Z40" s="596"/>
      <c r="AA40" s="596"/>
      <c r="AB40" s="596"/>
      <c r="AC40" s="596"/>
      <c r="AD40" s="596"/>
      <c r="AE40" s="596"/>
      <c r="AF40" s="596"/>
      <c r="AI40" s="446"/>
      <c r="AJ40" s="446" t="s">
        <v>435</v>
      </c>
      <c r="AK40" s="446"/>
      <c r="AL40" s="454"/>
    </row>
    <row r="41" spans="1:42" ht="48" customHeight="1" x14ac:dyDescent="0.2">
      <c r="B41" s="186" t="s">
        <v>434</v>
      </c>
      <c r="C41" s="184"/>
      <c r="D41" s="184"/>
      <c r="E41" s="184"/>
      <c r="F41" s="184"/>
      <c r="G41" s="190"/>
      <c r="H41" s="191"/>
      <c r="I41" s="191"/>
      <c r="J41" s="191"/>
      <c r="K41" s="191"/>
      <c r="L41" s="191"/>
      <c r="M41" s="191"/>
      <c r="N41" s="191"/>
      <c r="O41" s="191"/>
      <c r="P41" s="191"/>
      <c r="Q41" s="191"/>
      <c r="R41" s="191"/>
      <c r="S41" s="191"/>
      <c r="T41" s="192"/>
      <c r="U41" s="595"/>
      <c r="V41" s="596"/>
      <c r="W41" s="596"/>
      <c r="X41" s="596"/>
      <c r="Y41" s="596"/>
      <c r="Z41" s="596"/>
      <c r="AA41" s="596"/>
      <c r="AB41" s="596"/>
      <c r="AC41" s="596"/>
      <c r="AD41" s="596"/>
      <c r="AE41" s="596"/>
      <c r="AF41" s="596"/>
      <c r="AG41" s="515" t="s">
        <v>427</v>
      </c>
      <c r="AH41" s="515"/>
      <c r="AI41" s="515"/>
      <c r="AJ41" s="517" t="s">
        <v>436</v>
      </c>
    </row>
    <row r="42" spans="1:42" ht="48" customHeight="1" thickBot="1" x14ac:dyDescent="0.25">
      <c r="A42" s="461"/>
      <c r="B42" s="187" t="s">
        <v>438</v>
      </c>
      <c r="C42" s="188"/>
      <c r="D42" s="188"/>
      <c r="E42" s="188"/>
      <c r="F42" s="189"/>
      <c r="G42" s="518"/>
      <c r="H42" s="519"/>
      <c r="I42" s="519"/>
      <c r="J42" s="519"/>
      <c r="K42" s="519"/>
      <c r="L42" s="519"/>
      <c r="M42" s="519"/>
      <c r="N42" s="519"/>
      <c r="O42" s="519"/>
      <c r="P42" s="519"/>
      <c r="Q42" s="519"/>
      <c r="R42" s="519"/>
      <c r="S42" s="519"/>
      <c r="T42" s="520"/>
      <c r="U42" s="27"/>
      <c r="V42" s="26"/>
      <c r="W42" s="26"/>
      <c r="X42" s="26"/>
      <c r="Y42" s="26"/>
      <c r="Z42" s="26"/>
      <c r="AA42" s="26"/>
      <c r="AB42" s="26"/>
      <c r="AC42" s="26"/>
      <c r="AD42" s="26"/>
      <c r="AE42" s="26"/>
      <c r="AF42" s="26"/>
      <c r="AG42" s="515" t="s">
        <v>427</v>
      </c>
      <c r="AH42" s="515"/>
      <c r="AI42" s="515"/>
      <c r="AJ42" s="515" t="s">
        <v>437</v>
      </c>
    </row>
    <row r="43" spans="1:42" ht="25" customHeight="1" thickBot="1" x14ac:dyDescent="0.25">
      <c r="A43" s="521" t="s">
        <v>471</v>
      </c>
      <c r="B43" s="522"/>
      <c r="C43" s="522"/>
      <c r="D43" s="522"/>
      <c r="E43" s="522"/>
      <c r="F43" s="522"/>
      <c r="G43" s="522"/>
      <c r="H43" s="522"/>
      <c r="I43" s="522"/>
      <c r="J43" s="522"/>
      <c r="K43" s="522"/>
      <c r="L43" s="522"/>
      <c r="M43" s="522"/>
      <c r="N43" s="522"/>
      <c r="O43" s="523"/>
      <c r="P43" s="523"/>
      <c r="Q43" s="523"/>
      <c r="R43" s="523"/>
      <c r="S43" s="523"/>
      <c r="T43" s="523"/>
    </row>
    <row r="44" spans="1:42" ht="18" customHeight="1" thickTop="1" thickBot="1" x14ac:dyDescent="0.25">
      <c r="A44" s="444" t="s">
        <v>582</v>
      </c>
    </row>
    <row r="45" spans="1:42" ht="26.5" customHeight="1" x14ac:dyDescent="0.2">
      <c r="B45" s="112" t="s">
        <v>48</v>
      </c>
      <c r="C45" s="80"/>
      <c r="D45" s="80"/>
      <c r="E45" s="80"/>
      <c r="F45" s="80"/>
      <c r="G45" s="627"/>
      <c r="H45" s="627"/>
      <c r="I45" s="627"/>
      <c r="J45" s="627"/>
      <c r="K45" s="627"/>
      <c r="L45" s="627"/>
      <c r="M45" s="627"/>
      <c r="N45" s="627"/>
      <c r="O45" s="627"/>
      <c r="P45" s="627"/>
      <c r="Q45" s="627"/>
      <c r="R45" s="627"/>
      <c r="S45" s="627"/>
      <c r="T45" s="628"/>
      <c r="U45" s="449" t="s">
        <v>583</v>
      </c>
      <c r="V45" s="597"/>
      <c r="W45" s="597"/>
      <c r="X45" s="597"/>
      <c r="Y45" s="597"/>
      <c r="Z45" s="525"/>
      <c r="AA45" s="525"/>
    </row>
    <row r="46" spans="1:42" ht="26.5" customHeight="1" x14ac:dyDescent="0.2">
      <c r="B46" s="111" t="s">
        <v>50</v>
      </c>
      <c r="C46" s="63"/>
      <c r="D46" s="63"/>
      <c r="E46" s="63"/>
      <c r="F46" s="63"/>
      <c r="G46" s="138"/>
      <c r="H46" s="138"/>
      <c r="I46" s="138"/>
      <c r="J46" s="138"/>
      <c r="K46" s="138"/>
      <c r="L46" s="138"/>
      <c r="M46" s="138"/>
      <c r="N46" s="158"/>
      <c r="O46" s="158"/>
      <c r="P46" s="158"/>
      <c r="Q46" s="158"/>
      <c r="R46" s="158"/>
      <c r="S46" s="158"/>
      <c r="T46" s="629"/>
      <c r="U46" s="626" t="s">
        <v>174</v>
      </c>
      <c r="V46" s="526"/>
      <c r="W46" s="524"/>
      <c r="X46" s="525"/>
      <c r="Y46" s="525"/>
      <c r="Z46" s="525"/>
      <c r="AA46" s="525"/>
    </row>
    <row r="47" spans="1:42" ht="26.5" customHeight="1" x14ac:dyDescent="0.2">
      <c r="B47" s="111" t="s">
        <v>49</v>
      </c>
      <c r="C47" s="63"/>
      <c r="D47" s="63"/>
      <c r="E47" s="63"/>
      <c r="F47" s="63"/>
      <c r="G47" s="138"/>
      <c r="H47" s="138"/>
      <c r="I47" s="138"/>
      <c r="J47" s="138"/>
      <c r="K47" s="138"/>
      <c r="L47" s="138"/>
      <c r="M47" s="138"/>
      <c r="N47" s="138"/>
      <c r="O47" s="138"/>
      <c r="P47" s="138"/>
      <c r="Q47" s="138"/>
      <c r="R47" s="138"/>
      <c r="S47" s="138"/>
      <c r="T47" s="630"/>
      <c r="U47" s="540" t="s">
        <v>444</v>
      </c>
      <c r="V47" s="527"/>
      <c r="W47" s="527"/>
    </row>
    <row r="48" spans="1:42" ht="26.5" customHeight="1" x14ac:dyDescent="0.2">
      <c r="B48" s="111" t="s">
        <v>51</v>
      </c>
      <c r="C48" s="63"/>
      <c r="D48" s="63"/>
      <c r="E48" s="63"/>
      <c r="F48" s="63"/>
      <c r="G48" s="138"/>
      <c r="H48" s="138"/>
      <c r="I48" s="138"/>
      <c r="J48" s="138"/>
      <c r="K48" s="138"/>
      <c r="L48" s="138"/>
      <c r="M48" s="138"/>
      <c r="N48" s="138"/>
      <c r="O48" s="138"/>
      <c r="P48" s="138"/>
      <c r="Q48" s="138"/>
      <c r="R48" s="138"/>
      <c r="S48" s="138"/>
      <c r="T48" s="630"/>
    </row>
    <row r="49" spans="1:42" ht="26.5" customHeight="1" thickBot="1" x14ac:dyDescent="0.25">
      <c r="B49" s="631" t="s">
        <v>52</v>
      </c>
      <c r="C49" s="81"/>
      <c r="D49" s="81"/>
      <c r="E49" s="81"/>
      <c r="F49" s="81"/>
      <c r="G49" s="632"/>
      <c r="H49" s="632"/>
      <c r="I49" s="632"/>
      <c r="J49" s="632"/>
      <c r="K49" s="632"/>
      <c r="L49" s="632"/>
      <c r="M49" s="632"/>
      <c r="N49" s="632"/>
      <c r="O49" s="632"/>
      <c r="P49" s="632"/>
      <c r="Q49" s="632"/>
      <c r="R49" s="632"/>
      <c r="S49" s="632"/>
      <c r="T49" s="633"/>
      <c r="U49" s="540" t="s">
        <v>444</v>
      </c>
    </row>
    <row r="50" spans="1:42" ht="23" customHeight="1" thickBot="1" x14ac:dyDescent="0.25">
      <c r="A50" s="473" t="s">
        <v>472</v>
      </c>
      <c r="B50" s="473"/>
      <c r="C50" s="473"/>
      <c r="D50" s="473"/>
      <c r="E50" s="473"/>
      <c r="F50" s="473"/>
      <c r="G50" s="473"/>
      <c r="H50" s="473"/>
      <c r="I50" s="473"/>
      <c r="J50" s="473"/>
      <c r="K50" s="473"/>
      <c r="L50" s="473"/>
      <c r="M50" s="473"/>
      <c r="N50" s="473"/>
      <c r="O50" s="460"/>
      <c r="P50" s="460"/>
      <c r="Q50" s="460"/>
      <c r="R50" s="460"/>
    </row>
    <row r="51" spans="1:42" ht="8" customHeight="1" thickTop="1" x14ac:dyDescent="0.2">
      <c r="A51" s="472"/>
      <c r="B51" s="472"/>
      <c r="C51" s="472"/>
      <c r="D51" s="472"/>
      <c r="E51" s="472"/>
      <c r="F51" s="472"/>
      <c r="G51" s="472"/>
      <c r="H51" s="472"/>
      <c r="I51" s="472"/>
      <c r="J51" s="472"/>
      <c r="K51" s="472"/>
      <c r="L51" s="472"/>
      <c r="M51" s="472"/>
      <c r="N51" s="472"/>
      <c r="O51" s="461"/>
      <c r="P51" s="461"/>
      <c r="Q51" s="461"/>
      <c r="R51" s="461"/>
    </row>
    <row r="52" spans="1:42" s="531" customFormat="1" ht="18.5" customHeight="1" thickBot="1" x14ac:dyDescent="0.25">
      <c r="A52" s="528" t="s">
        <v>475</v>
      </c>
      <c r="B52" s="528"/>
      <c r="C52" s="528"/>
      <c r="D52" s="528"/>
      <c r="E52" s="528"/>
      <c r="F52" s="528"/>
      <c r="G52" s="529"/>
      <c r="H52" s="529"/>
      <c r="I52" s="529"/>
      <c r="J52" s="529"/>
      <c r="K52" s="529"/>
      <c r="L52" s="529"/>
      <c r="M52" s="529"/>
      <c r="N52" s="529"/>
      <c r="O52" s="529"/>
      <c r="P52" s="529"/>
      <c r="Q52" s="529"/>
      <c r="R52" s="529"/>
      <c r="S52" s="529"/>
      <c r="T52" s="529"/>
      <c r="U52" s="28"/>
      <c r="V52" s="28"/>
      <c r="W52" s="28"/>
      <c r="X52" s="28"/>
      <c r="Y52" s="28"/>
      <c r="Z52" s="28"/>
      <c r="AA52" s="28"/>
      <c r="AB52" s="28"/>
      <c r="AC52" s="28"/>
      <c r="AD52" s="28"/>
      <c r="AE52" s="28"/>
      <c r="AF52" s="28"/>
      <c r="AG52" s="465"/>
      <c r="AH52" s="465"/>
      <c r="AI52" s="465"/>
      <c r="AJ52" s="465"/>
      <c r="AK52" s="530"/>
      <c r="AL52" s="530"/>
      <c r="AM52" s="445"/>
      <c r="AN52" s="445"/>
      <c r="AO52" s="445"/>
      <c r="AP52" s="462"/>
    </row>
    <row r="53" spans="1:42" s="531" customFormat="1" ht="8" customHeight="1" thickBot="1" x14ac:dyDescent="0.25">
      <c r="B53" s="529"/>
      <c r="C53" s="529"/>
      <c r="D53" s="532"/>
      <c r="E53" s="529"/>
      <c r="F53" s="529"/>
      <c r="G53" s="529"/>
      <c r="H53" s="529"/>
      <c r="I53" s="529"/>
      <c r="J53" s="529"/>
      <c r="K53" s="529"/>
      <c r="L53" s="529"/>
      <c r="M53" s="529"/>
      <c r="N53" s="529"/>
      <c r="O53" s="529"/>
      <c r="P53" s="529"/>
      <c r="Q53" s="529"/>
      <c r="R53" s="529"/>
      <c r="S53" s="529"/>
      <c r="T53" s="529"/>
      <c r="U53" s="28"/>
      <c r="V53" s="28"/>
      <c r="W53" s="28"/>
      <c r="X53" s="28"/>
      <c r="Y53" s="28"/>
      <c r="Z53" s="28"/>
      <c r="AA53" s="28"/>
      <c r="AB53" s="28"/>
      <c r="AC53" s="28"/>
      <c r="AD53" s="28"/>
      <c r="AE53" s="28"/>
      <c r="AF53" s="28"/>
      <c r="AG53" s="465"/>
      <c r="AH53" s="465"/>
      <c r="AI53" s="465"/>
      <c r="AJ53" s="465"/>
      <c r="AK53" s="530"/>
      <c r="AL53" s="530"/>
      <c r="AM53" s="445"/>
      <c r="AN53" s="445"/>
      <c r="AO53" s="445"/>
      <c r="AP53" s="462"/>
    </row>
    <row r="54" spans="1:42" ht="26.25" customHeight="1" x14ac:dyDescent="0.2">
      <c r="B54" s="118" t="s">
        <v>421</v>
      </c>
      <c r="C54" s="122" t="s">
        <v>165</v>
      </c>
      <c r="D54" s="123"/>
      <c r="E54" s="123"/>
      <c r="F54" s="123"/>
      <c r="G54" s="145"/>
      <c r="H54" s="145"/>
      <c r="I54" s="145"/>
      <c r="J54" s="145"/>
      <c r="K54" s="145"/>
      <c r="L54" s="145"/>
      <c r="M54" s="145"/>
      <c r="N54" s="145"/>
      <c r="O54" s="145"/>
      <c r="P54" s="145"/>
      <c r="Q54" s="145"/>
      <c r="R54" s="145"/>
      <c r="S54" s="145"/>
      <c r="T54" s="146"/>
      <c r="U54" s="533"/>
      <c r="V54" s="445" t="s">
        <v>118</v>
      </c>
      <c r="W54" s="445" t="s">
        <v>119</v>
      </c>
    </row>
    <row r="55" spans="1:42" ht="26.25" customHeight="1" x14ac:dyDescent="0.2">
      <c r="B55" s="119"/>
      <c r="C55" s="147" t="s">
        <v>189</v>
      </c>
      <c r="D55" s="148"/>
      <c r="E55" s="148"/>
      <c r="F55" s="148"/>
      <c r="G55" s="109"/>
      <c r="H55" s="109"/>
      <c r="I55" s="109"/>
      <c r="J55" s="109"/>
      <c r="K55" s="109"/>
      <c r="L55" s="109"/>
      <c r="M55" s="109"/>
      <c r="N55" s="109"/>
      <c r="O55" s="109"/>
      <c r="P55" s="109"/>
      <c r="Q55" s="109"/>
      <c r="R55" s="109"/>
      <c r="S55" s="109"/>
      <c r="T55" s="133"/>
      <c r="V55" s="534" t="s">
        <v>584</v>
      </c>
      <c r="W55" s="534"/>
      <c r="X55" s="534"/>
      <c r="Y55" s="534"/>
      <c r="Z55" s="534"/>
      <c r="AA55" s="534"/>
      <c r="AB55" s="534"/>
      <c r="AC55" s="534"/>
      <c r="AD55" s="534"/>
      <c r="AE55" s="534"/>
      <c r="AF55" s="534"/>
    </row>
    <row r="56" spans="1:42" ht="26.25" customHeight="1" x14ac:dyDescent="0.2">
      <c r="B56" s="120"/>
      <c r="C56" s="154" t="s">
        <v>166</v>
      </c>
      <c r="D56" s="155"/>
      <c r="E56" s="155"/>
      <c r="F56" s="155"/>
      <c r="G56" s="156"/>
      <c r="H56" s="156"/>
      <c r="I56" s="156"/>
      <c r="J56" s="156"/>
      <c r="K56" s="156"/>
      <c r="L56" s="156"/>
      <c r="M56" s="156"/>
      <c r="N56" s="156"/>
      <c r="O56" s="156"/>
      <c r="P56" s="156"/>
      <c r="Q56" s="156"/>
      <c r="R56" s="156"/>
      <c r="S56" s="156"/>
      <c r="T56" s="157"/>
      <c r="V56" s="534"/>
      <c r="W56" s="534"/>
      <c r="X56" s="534"/>
      <c r="Y56" s="534"/>
      <c r="Z56" s="534"/>
      <c r="AA56" s="534"/>
      <c r="AB56" s="534"/>
      <c r="AC56" s="534"/>
      <c r="AD56" s="534"/>
      <c r="AE56" s="534"/>
      <c r="AF56" s="534"/>
    </row>
    <row r="57" spans="1:42" ht="39" customHeight="1" thickBot="1" x14ac:dyDescent="0.25">
      <c r="B57" s="121"/>
      <c r="C57" s="134" t="s">
        <v>425</v>
      </c>
      <c r="D57" s="135"/>
      <c r="E57" s="135"/>
      <c r="F57" s="135"/>
      <c r="G57" s="136"/>
      <c r="H57" s="136"/>
      <c r="I57" s="136"/>
      <c r="J57" s="136"/>
      <c r="K57" s="136"/>
      <c r="L57" s="136"/>
      <c r="M57" s="136"/>
      <c r="N57" s="136"/>
      <c r="O57" s="136"/>
      <c r="P57" s="136"/>
      <c r="Q57" s="136"/>
      <c r="R57" s="136"/>
      <c r="S57" s="136"/>
      <c r="T57" s="137"/>
      <c r="V57" s="535" t="s">
        <v>473</v>
      </c>
    </row>
    <row r="58" spans="1:42" s="531" customFormat="1" ht="13.5" customHeight="1" x14ac:dyDescent="0.2">
      <c r="B58" s="536"/>
      <c r="C58" s="537"/>
      <c r="D58" s="537"/>
      <c r="E58" s="537"/>
      <c r="F58" s="537"/>
      <c r="G58" s="31"/>
      <c r="H58" s="31"/>
      <c r="I58" s="31"/>
      <c r="J58" s="31"/>
      <c r="K58" s="31"/>
      <c r="L58" s="31"/>
      <c r="M58" s="31"/>
      <c r="N58" s="31"/>
      <c r="O58" s="31"/>
      <c r="P58" s="31"/>
      <c r="Q58" s="31"/>
      <c r="R58" s="31"/>
      <c r="S58" s="31"/>
      <c r="T58" s="31"/>
      <c r="U58" s="445"/>
      <c r="V58" s="535"/>
      <c r="W58" s="445"/>
      <c r="X58" s="445"/>
      <c r="Y58" s="445"/>
      <c r="Z58" s="445"/>
      <c r="AA58" s="445"/>
      <c r="AB58" s="445"/>
      <c r="AC58" s="445"/>
      <c r="AD58" s="445"/>
      <c r="AE58" s="445"/>
      <c r="AF58" s="445"/>
      <c r="AG58" s="445"/>
      <c r="AH58" s="445"/>
      <c r="AI58" s="445"/>
      <c r="AJ58" s="445"/>
      <c r="AK58" s="530"/>
      <c r="AL58" s="530"/>
      <c r="AM58" s="445"/>
      <c r="AN58" s="445"/>
      <c r="AO58" s="445"/>
      <c r="AP58" s="462"/>
    </row>
    <row r="59" spans="1:42" ht="18" customHeight="1" thickBot="1" x14ac:dyDescent="0.25">
      <c r="A59" s="538" t="s">
        <v>474</v>
      </c>
      <c r="B59" s="538"/>
      <c r="C59" s="538"/>
      <c r="D59" s="538"/>
      <c r="E59" s="538"/>
      <c r="F59" s="538"/>
      <c r="G59" s="538"/>
      <c r="H59" s="538"/>
      <c r="I59" s="461"/>
    </row>
    <row r="60" spans="1:42" s="531" customFormat="1" ht="7.5" customHeight="1" thickBot="1" x14ac:dyDescent="0.25">
      <c r="B60" s="31"/>
      <c r="C60" s="31"/>
      <c r="D60" s="31"/>
      <c r="E60" s="31"/>
      <c r="F60" s="31"/>
      <c r="G60" s="539"/>
      <c r="H60" s="539"/>
      <c r="I60" s="539"/>
      <c r="J60" s="539"/>
      <c r="K60" s="539"/>
      <c r="L60" s="539"/>
      <c r="M60" s="539"/>
      <c r="N60" s="539"/>
      <c r="O60" s="539"/>
      <c r="P60" s="539"/>
      <c r="Q60" s="539"/>
      <c r="R60" s="539"/>
      <c r="S60" s="539"/>
      <c r="T60" s="539"/>
      <c r="U60" s="540"/>
      <c r="V60" s="445"/>
      <c r="W60" s="445"/>
      <c r="X60" s="445"/>
      <c r="Y60" s="445"/>
      <c r="Z60" s="445"/>
      <c r="AA60" s="445"/>
      <c r="AB60" s="445"/>
      <c r="AC60" s="445"/>
      <c r="AD60" s="445"/>
      <c r="AE60" s="445"/>
      <c r="AF60" s="445"/>
      <c r="AG60" s="445"/>
      <c r="AH60" s="445"/>
      <c r="AI60" s="445"/>
      <c r="AJ60" s="445"/>
      <c r="AK60" s="530"/>
      <c r="AL60" s="530"/>
      <c r="AM60" s="445"/>
      <c r="AN60" s="445"/>
      <c r="AO60" s="445"/>
      <c r="AP60" s="462"/>
    </row>
    <row r="61" spans="1:42" s="471" customFormat="1" ht="48" customHeight="1" x14ac:dyDescent="0.2">
      <c r="A61" s="444"/>
      <c r="B61" s="614" t="s">
        <v>415</v>
      </c>
      <c r="C61" s="615"/>
      <c r="D61" s="615"/>
      <c r="E61" s="615"/>
      <c r="F61" s="615"/>
      <c r="G61" s="615"/>
      <c r="H61" s="615"/>
      <c r="I61" s="615"/>
      <c r="J61" s="615"/>
      <c r="K61" s="615"/>
      <c r="L61" s="615"/>
      <c r="M61" s="615"/>
      <c r="N61" s="615"/>
      <c r="O61" s="615"/>
      <c r="P61" s="615"/>
      <c r="Q61" s="616"/>
      <c r="R61" s="617"/>
      <c r="S61" s="617"/>
      <c r="T61" s="618"/>
      <c r="U61" s="541" t="s">
        <v>416</v>
      </c>
      <c r="V61" s="541"/>
      <c r="W61" s="541"/>
      <c r="X61" s="541"/>
      <c r="Y61" s="541"/>
      <c r="Z61" s="541"/>
      <c r="AA61" s="541"/>
      <c r="AB61" s="541"/>
      <c r="AC61" s="541"/>
      <c r="AD61" s="541"/>
      <c r="AE61" s="541"/>
      <c r="AF61" s="541"/>
      <c r="AG61" s="515" t="s">
        <v>426</v>
      </c>
      <c r="AH61" s="515" t="s">
        <v>429</v>
      </c>
      <c r="AI61" s="446"/>
      <c r="AJ61" s="446"/>
      <c r="AM61" s="446"/>
      <c r="AN61" s="446"/>
      <c r="AO61" s="446"/>
      <c r="AP61" s="454"/>
    </row>
    <row r="62" spans="1:42" ht="48" customHeight="1" x14ac:dyDescent="0.2">
      <c r="B62" s="619" t="s">
        <v>433</v>
      </c>
      <c r="C62" s="184"/>
      <c r="D62" s="184"/>
      <c r="E62" s="184"/>
      <c r="F62" s="184"/>
      <c r="G62" s="184"/>
      <c r="H62" s="184"/>
      <c r="I62" s="184"/>
      <c r="J62" s="184"/>
      <c r="K62" s="184"/>
      <c r="L62" s="184"/>
      <c r="M62" s="184"/>
      <c r="N62" s="184"/>
      <c r="O62" s="184"/>
      <c r="P62" s="184"/>
      <c r="Q62" s="185"/>
      <c r="R62" s="193"/>
      <c r="S62" s="194"/>
      <c r="T62" s="620"/>
      <c r="U62" s="33"/>
      <c r="V62" s="33"/>
      <c r="W62" s="33"/>
      <c r="X62" s="514"/>
      <c r="Y62" s="514"/>
      <c r="Z62" s="514"/>
      <c r="AA62" s="514"/>
      <c r="AB62" s="514"/>
      <c r="AC62" s="514"/>
      <c r="AD62" s="514"/>
      <c r="AE62" s="514"/>
      <c r="AF62" s="514"/>
      <c r="AG62" s="515" t="s">
        <v>427</v>
      </c>
      <c r="AH62" s="515" t="s">
        <v>430</v>
      </c>
      <c r="AI62" s="515"/>
      <c r="AJ62" s="515"/>
    </row>
    <row r="63" spans="1:42" ht="48" customHeight="1" x14ac:dyDescent="0.2">
      <c r="B63" s="619" t="s">
        <v>414</v>
      </c>
      <c r="C63" s="184"/>
      <c r="D63" s="184"/>
      <c r="E63" s="184"/>
      <c r="F63" s="184"/>
      <c r="G63" s="184"/>
      <c r="H63" s="184"/>
      <c r="I63" s="184"/>
      <c r="J63" s="184"/>
      <c r="K63" s="184"/>
      <c r="L63" s="184"/>
      <c r="M63" s="184"/>
      <c r="N63" s="184"/>
      <c r="O63" s="184"/>
      <c r="P63" s="184"/>
      <c r="Q63" s="185"/>
      <c r="R63" s="277"/>
      <c r="S63" s="278"/>
      <c r="T63" s="621"/>
      <c r="U63" s="541" t="s">
        <v>171</v>
      </c>
      <c r="V63" s="541"/>
      <c r="W63" s="541"/>
      <c r="X63" s="541"/>
      <c r="Y63" s="541"/>
      <c r="Z63" s="541"/>
      <c r="AA63" s="541"/>
      <c r="AB63" s="541"/>
      <c r="AC63" s="541"/>
      <c r="AD63" s="541"/>
      <c r="AE63" s="541"/>
      <c r="AF63" s="541"/>
      <c r="AG63" s="515" t="s">
        <v>428</v>
      </c>
      <c r="AH63" s="515" t="s">
        <v>431</v>
      </c>
      <c r="AI63" s="515"/>
      <c r="AJ63" s="515"/>
    </row>
    <row r="64" spans="1:42" ht="48" customHeight="1" thickBot="1" x14ac:dyDescent="0.25">
      <c r="B64" s="622" t="s">
        <v>417</v>
      </c>
      <c r="C64" s="623"/>
      <c r="D64" s="623"/>
      <c r="E64" s="623"/>
      <c r="F64" s="623"/>
      <c r="G64" s="623"/>
      <c r="H64" s="623"/>
      <c r="I64" s="623"/>
      <c r="J64" s="623"/>
      <c r="K64" s="623"/>
      <c r="L64" s="623"/>
      <c r="M64" s="623"/>
      <c r="N64" s="623"/>
      <c r="O64" s="623"/>
      <c r="P64" s="623"/>
      <c r="Q64" s="624"/>
      <c r="R64" s="83"/>
      <c r="S64" s="83"/>
      <c r="T64" s="625"/>
      <c r="U64" s="541" t="s">
        <v>418</v>
      </c>
      <c r="V64" s="541"/>
      <c r="W64" s="541"/>
      <c r="X64" s="541"/>
      <c r="Y64" s="541"/>
      <c r="Z64" s="541"/>
      <c r="AA64" s="541"/>
      <c r="AB64" s="541"/>
      <c r="AC64" s="541"/>
      <c r="AD64" s="541"/>
      <c r="AE64" s="541"/>
      <c r="AF64" s="541"/>
      <c r="AG64" s="448" t="s">
        <v>432</v>
      </c>
      <c r="AH64" s="446" t="s">
        <v>432</v>
      </c>
      <c r="AI64" s="515"/>
      <c r="AJ64" s="515"/>
    </row>
    <row r="65" spans="1:51" s="531" customFormat="1" ht="15" customHeight="1" x14ac:dyDescent="0.2">
      <c r="B65" s="542"/>
      <c r="C65" s="542"/>
      <c r="D65" s="542"/>
      <c r="E65" s="542"/>
      <c r="F65" s="542"/>
      <c r="G65" s="542"/>
      <c r="H65" s="542"/>
      <c r="I65" s="542"/>
      <c r="J65" s="542"/>
      <c r="K65" s="542"/>
      <c r="L65" s="542"/>
      <c r="M65" s="542"/>
      <c r="N65" s="542"/>
      <c r="O65" s="542"/>
      <c r="P65" s="542"/>
      <c r="Q65" s="542"/>
      <c r="R65" s="32"/>
      <c r="S65" s="32"/>
      <c r="T65" s="32"/>
      <c r="U65" s="543"/>
      <c r="V65" s="543"/>
      <c r="W65" s="543"/>
      <c r="X65" s="543"/>
      <c r="Y65" s="543"/>
      <c r="Z65" s="543"/>
      <c r="AA65" s="543"/>
      <c r="AB65" s="543"/>
      <c r="AC65" s="543"/>
      <c r="AD65" s="543"/>
      <c r="AE65" s="543"/>
      <c r="AF65" s="543"/>
      <c r="AG65" s="445"/>
      <c r="AH65" s="445"/>
      <c r="AI65" s="465"/>
      <c r="AJ65" s="465"/>
      <c r="AK65" s="530"/>
      <c r="AL65" s="530"/>
      <c r="AM65" s="445"/>
      <c r="AN65" s="445"/>
      <c r="AO65" s="445"/>
      <c r="AP65" s="462"/>
    </row>
    <row r="66" spans="1:51" ht="18" customHeight="1" thickBot="1" x14ac:dyDescent="0.25">
      <c r="A66" s="472" t="s">
        <v>476</v>
      </c>
      <c r="B66" s="473"/>
      <c r="C66" s="473"/>
      <c r="D66" s="473"/>
      <c r="E66" s="473"/>
      <c r="F66" s="473"/>
      <c r="G66" s="473"/>
      <c r="H66" s="473"/>
      <c r="I66" s="473"/>
      <c r="J66" s="473"/>
      <c r="K66" s="473"/>
      <c r="L66" s="473"/>
      <c r="M66" s="473"/>
    </row>
    <row r="67" spans="1:51" ht="10.5" customHeight="1" thickTop="1" x14ac:dyDescent="0.2">
      <c r="A67" s="472"/>
      <c r="B67" s="472"/>
      <c r="C67" s="472"/>
      <c r="D67" s="472"/>
      <c r="E67" s="472"/>
      <c r="F67" s="472"/>
      <c r="G67" s="472"/>
      <c r="H67" s="472"/>
      <c r="I67" s="472"/>
      <c r="J67" s="472"/>
      <c r="K67" s="472"/>
      <c r="L67" s="472"/>
      <c r="M67" s="472"/>
    </row>
    <row r="68" spans="1:51" ht="116.5" customHeight="1" x14ac:dyDescent="0.2">
      <c r="A68" s="452" t="s">
        <v>116</v>
      </c>
      <c r="B68" s="544" t="s">
        <v>449</v>
      </c>
      <c r="C68" s="545"/>
      <c r="D68" s="545"/>
      <c r="E68" s="545"/>
      <c r="F68" s="545"/>
      <c r="G68" s="545"/>
      <c r="H68" s="545"/>
      <c r="I68" s="545"/>
      <c r="J68" s="545"/>
      <c r="K68" s="545"/>
      <c r="L68" s="545"/>
      <c r="M68" s="545"/>
      <c r="N68" s="545"/>
      <c r="O68" s="545"/>
      <c r="P68" s="545"/>
      <c r="Q68" s="545"/>
      <c r="R68" s="545"/>
      <c r="S68" s="545"/>
      <c r="T68" s="545"/>
      <c r="U68" s="545"/>
      <c r="V68" s="545"/>
      <c r="W68" s="545"/>
      <c r="X68" s="545"/>
      <c r="Y68" s="545"/>
      <c r="Z68" s="545"/>
      <c r="AA68" s="545"/>
      <c r="AB68" s="545"/>
      <c r="AC68" s="545"/>
      <c r="AD68" s="545"/>
      <c r="AE68" s="546"/>
    </row>
    <row r="69" spans="1:51" ht="2.15" customHeight="1" x14ac:dyDescent="0.2">
      <c r="B69" s="547"/>
      <c r="C69" s="547"/>
      <c r="D69" s="547"/>
      <c r="E69" s="547"/>
      <c r="F69" s="547"/>
      <c r="G69" s="547"/>
      <c r="H69" s="547"/>
      <c r="I69" s="547"/>
      <c r="J69" s="547"/>
      <c r="K69" s="547"/>
      <c r="L69" s="547"/>
      <c r="M69" s="547"/>
      <c r="N69" s="547"/>
      <c r="O69" s="547"/>
      <c r="P69" s="547"/>
      <c r="Q69" s="547"/>
      <c r="R69" s="547"/>
      <c r="S69" s="547"/>
      <c r="T69" s="547"/>
      <c r="U69" s="547"/>
      <c r="V69" s="547"/>
      <c r="W69" s="547"/>
      <c r="X69" s="547"/>
      <c r="Y69" s="547"/>
      <c r="Z69" s="547"/>
      <c r="AA69" s="547"/>
      <c r="AB69" s="547"/>
    </row>
    <row r="70" spans="1:51" ht="2.15" customHeight="1" thickBot="1" x14ac:dyDescent="0.25">
      <c r="B70" s="548"/>
      <c r="C70" s="548"/>
      <c r="D70" s="548"/>
      <c r="E70" s="548"/>
      <c r="F70" s="548"/>
      <c r="G70" s="548"/>
      <c r="H70" s="548"/>
      <c r="I70" s="548"/>
      <c r="J70" s="548"/>
      <c r="K70" s="548"/>
      <c r="L70" s="548"/>
      <c r="M70" s="548"/>
      <c r="N70" s="548"/>
      <c r="O70" s="548"/>
      <c r="P70" s="548"/>
      <c r="Q70" s="548"/>
      <c r="R70" s="548"/>
      <c r="S70" s="548"/>
      <c r="T70" s="548"/>
      <c r="U70" s="548"/>
      <c r="V70" s="548"/>
      <c r="W70" s="548"/>
      <c r="X70" s="548"/>
      <c r="Y70" s="548"/>
      <c r="Z70" s="548"/>
      <c r="AA70" s="548"/>
      <c r="AB70" s="548"/>
    </row>
    <row r="71" spans="1:51" ht="39" customHeight="1" x14ac:dyDescent="0.2">
      <c r="B71" s="96" t="s">
        <v>161</v>
      </c>
      <c r="C71" s="97"/>
      <c r="D71" s="104" t="s">
        <v>163</v>
      </c>
      <c r="E71" s="105"/>
      <c r="F71" s="89"/>
      <c r="G71" s="90"/>
      <c r="H71" s="90"/>
      <c r="I71" s="90"/>
      <c r="J71" s="90"/>
      <c r="K71" s="90"/>
      <c r="L71" s="90"/>
      <c r="M71" s="91"/>
      <c r="N71" s="175" t="s">
        <v>178</v>
      </c>
      <c r="O71" s="175"/>
      <c r="P71" s="175"/>
      <c r="Q71" s="549"/>
      <c r="R71" s="549"/>
      <c r="S71" s="549"/>
      <c r="T71" s="549"/>
      <c r="U71" s="549"/>
      <c r="V71" s="78" t="s">
        <v>408</v>
      </c>
      <c r="W71" s="75"/>
      <c r="X71" s="77" t="s">
        <v>181</v>
      </c>
      <c r="Y71" s="77"/>
      <c r="Z71" s="77"/>
      <c r="AA71" s="77"/>
      <c r="AB71" s="77"/>
      <c r="AC71" s="66"/>
      <c r="AD71" s="67"/>
      <c r="AE71" s="68"/>
      <c r="AF71" s="550"/>
      <c r="AG71" s="551" t="s">
        <v>155</v>
      </c>
      <c r="AH71" s="517" t="s">
        <v>173</v>
      </c>
    </row>
    <row r="72" spans="1:51" ht="31" customHeight="1" thickBot="1" x14ac:dyDescent="0.25">
      <c r="B72" s="98"/>
      <c r="C72" s="99"/>
      <c r="D72" s="87" t="s">
        <v>145</v>
      </c>
      <c r="E72" s="88"/>
      <c r="F72" s="83"/>
      <c r="G72" s="83"/>
      <c r="H72" s="9"/>
      <c r="I72" s="10" t="s">
        <v>0</v>
      </c>
      <c r="J72" s="11"/>
      <c r="K72" s="10" t="s">
        <v>146</v>
      </c>
      <c r="L72" s="11"/>
      <c r="M72" s="10" t="s">
        <v>147</v>
      </c>
      <c r="N72" s="85" t="s">
        <v>407</v>
      </c>
      <c r="O72" s="85"/>
      <c r="P72" s="85"/>
      <c r="Q72" s="82"/>
      <c r="R72" s="82"/>
      <c r="S72" s="82"/>
      <c r="T72" s="82"/>
      <c r="U72" s="82"/>
      <c r="V72" s="79"/>
      <c r="W72" s="76"/>
      <c r="X72" s="69" t="s">
        <v>182</v>
      </c>
      <c r="Y72" s="70"/>
      <c r="Z72" s="70"/>
      <c r="AA72" s="70"/>
      <c r="AB72" s="71"/>
      <c r="AC72" s="72"/>
      <c r="AD72" s="73"/>
      <c r="AE72" s="74"/>
      <c r="AF72" s="552"/>
      <c r="AG72" s="553" t="s">
        <v>157</v>
      </c>
      <c r="AH72" s="554" t="s">
        <v>156</v>
      </c>
      <c r="AI72" s="553" t="s">
        <v>158</v>
      </c>
      <c r="AJ72" s="554" t="s">
        <v>159</v>
      </c>
      <c r="AK72" s="553" t="s">
        <v>160</v>
      </c>
    </row>
    <row r="73" spans="1:51" ht="39" customHeight="1" x14ac:dyDescent="0.2">
      <c r="B73" s="151" t="s">
        <v>162</v>
      </c>
      <c r="C73" s="102">
        <v>1</v>
      </c>
      <c r="D73" s="92" t="s">
        <v>163</v>
      </c>
      <c r="E73" s="93"/>
      <c r="F73" s="64"/>
      <c r="G73" s="94"/>
      <c r="H73" s="94"/>
      <c r="I73" s="94"/>
      <c r="J73" s="94"/>
      <c r="K73" s="94"/>
      <c r="L73" s="94"/>
      <c r="M73" s="65"/>
      <c r="N73" s="84" t="s">
        <v>178</v>
      </c>
      <c r="O73" s="84"/>
      <c r="P73" s="84"/>
      <c r="Q73" s="86"/>
      <c r="R73" s="86"/>
      <c r="S73" s="86"/>
      <c r="T73" s="86"/>
      <c r="U73" s="86"/>
      <c r="V73" s="78" t="s">
        <v>408</v>
      </c>
      <c r="W73" s="75"/>
      <c r="X73" s="77" t="s">
        <v>172</v>
      </c>
      <c r="Y73" s="77"/>
      <c r="Z73" s="77"/>
      <c r="AA73" s="77"/>
      <c r="AB73" s="77"/>
      <c r="AC73" s="66"/>
      <c r="AD73" s="67"/>
      <c r="AE73" s="68"/>
      <c r="AF73" s="555" t="s">
        <v>422</v>
      </c>
      <c r="AG73" s="556"/>
      <c r="AH73" s="556"/>
      <c r="AI73" s="556"/>
      <c r="AJ73" s="556"/>
      <c r="AK73" s="556"/>
      <c r="AL73" s="556"/>
      <c r="AM73" s="556"/>
      <c r="AN73" s="556"/>
      <c r="AO73" s="556"/>
      <c r="AP73" s="556"/>
      <c r="AQ73" s="556"/>
      <c r="AR73" s="556"/>
      <c r="AS73" s="556"/>
      <c r="AT73" s="556"/>
      <c r="AU73" s="556"/>
      <c r="AV73" s="556"/>
      <c r="AW73" s="556"/>
      <c r="AX73" s="556"/>
      <c r="AY73" s="556"/>
    </row>
    <row r="74" spans="1:51" ht="31" customHeight="1" thickBot="1" x14ac:dyDescent="0.25">
      <c r="B74" s="152"/>
      <c r="C74" s="63"/>
      <c r="D74" s="87" t="s">
        <v>145</v>
      </c>
      <c r="E74" s="88"/>
      <c r="F74" s="83"/>
      <c r="G74" s="83"/>
      <c r="H74" s="12"/>
      <c r="I74" s="10" t="s">
        <v>144</v>
      </c>
      <c r="J74" s="37"/>
      <c r="K74" s="10" t="s">
        <v>146</v>
      </c>
      <c r="L74" s="37"/>
      <c r="M74" s="10" t="s">
        <v>147</v>
      </c>
      <c r="N74" s="85" t="s">
        <v>407</v>
      </c>
      <c r="O74" s="85"/>
      <c r="P74" s="85"/>
      <c r="Q74" s="82"/>
      <c r="R74" s="82"/>
      <c r="S74" s="82"/>
      <c r="T74" s="82"/>
      <c r="U74" s="82"/>
      <c r="V74" s="79"/>
      <c r="W74" s="76"/>
      <c r="X74" s="69" t="s">
        <v>182</v>
      </c>
      <c r="Y74" s="70"/>
      <c r="Z74" s="70"/>
      <c r="AA74" s="70"/>
      <c r="AB74" s="71"/>
      <c r="AC74" s="72"/>
      <c r="AD74" s="73"/>
      <c r="AE74" s="74"/>
      <c r="AF74" s="555" t="s">
        <v>423</v>
      </c>
      <c r="AG74" s="556"/>
      <c r="AH74" s="556"/>
      <c r="AI74" s="556"/>
      <c r="AJ74" s="556"/>
      <c r="AK74" s="556"/>
      <c r="AL74" s="556"/>
      <c r="AM74" s="556"/>
      <c r="AN74" s="556"/>
      <c r="AO74" s="556"/>
      <c r="AP74" s="556"/>
      <c r="AQ74" s="556"/>
      <c r="AR74" s="556"/>
      <c r="AS74" s="556"/>
      <c r="AT74" s="556"/>
      <c r="AU74" s="556"/>
      <c r="AV74" s="556"/>
      <c r="AW74" s="556"/>
      <c r="AX74" s="556"/>
      <c r="AY74" s="556"/>
    </row>
    <row r="75" spans="1:51" ht="39" customHeight="1" x14ac:dyDescent="0.2">
      <c r="B75" s="152"/>
      <c r="C75" s="95">
        <v>2</v>
      </c>
      <c r="D75" s="104" t="s">
        <v>163</v>
      </c>
      <c r="E75" s="105"/>
      <c r="F75" s="106"/>
      <c r="G75" s="107"/>
      <c r="H75" s="107"/>
      <c r="I75" s="107"/>
      <c r="J75" s="107"/>
      <c r="K75" s="107"/>
      <c r="L75" s="107"/>
      <c r="M75" s="108"/>
      <c r="N75" s="84" t="s">
        <v>178</v>
      </c>
      <c r="O75" s="84"/>
      <c r="P75" s="84"/>
      <c r="Q75" s="86"/>
      <c r="R75" s="86"/>
      <c r="S75" s="86"/>
      <c r="T75" s="86"/>
      <c r="U75" s="86"/>
      <c r="V75" s="78" t="s">
        <v>408</v>
      </c>
      <c r="W75" s="75"/>
      <c r="X75" s="77" t="s">
        <v>172</v>
      </c>
      <c r="Y75" s="77"/>
      <c r="Z75" s="77"/>
      <c r="AA75" s="77"/>
      <c r="AB75" s="77"/>
      <c r="AC75" s="66"/>
      <c r="AD75" s="67"/>
      <c r="AE75" s="68"/>
      <c r="AF75" s="555" t="s">
        <v>424</v>
      </c>
      <c r="AG75" s="556"/>
      <c r="AH75" s="556"/>
      <c r="AI75" s="556"/>
      <c r="AJ75" s="556"/>
      <c r="AK75" s="556"/>
      <c r="AL75" s="556"/>
      <c r="AM75" s="556"/>
      <c r="AN75" s="556"/>
      <c r="AO75" s="556"/>
      <c r="AP75" s="556"/>
      <c r="AQ75" s="556"/>
      <c r="AR75" s="556"/>
      <c r="AS75" s="556"/>
      <c r="AT75" s="556"/>
      <c r="AU75" s="556"/>
      <c r="AV75" s="556"/>
      <c r="AW75" s="556"/>
      <c r="AX75" s="556"/>
      <c r="AY75" s="556"/>
    </row>
    <row r="76" spans="1:51" ht="31" customHeight="1" thickBot="1" x14ac:dyDescent="0.25">
      <c r="B76" s="152"/>
      <c r="C76" s="63"/>
      <c r="D76" s="87" t="s">
        <v>145</v>
      </c>
      <c r="E76" s="88"/>
      <c r="F76" s="83"/>
      <c r="G76" s="83"/>
      <c r="H76" s="12"/>
      <c r="I76" s="10" t="s">
        <v>144</v>
      </c>
      <c r="J76" s="37"/>
      <c r="K76" s="10" t="s">
        <v>146</v>
      </c>
      <c r="L76" s="37"/>
      <c r="M76" s="10" t="s">
        <v>147</v>
      </c>
      <c r="N76" s="85" t="s">
        <v>407</v>
      </c>
      <c r="O76" s="85"/>
      <c r="P76" s="85"/>
      <c r="Q76" s="82"/>
      <c r="R76" s="82"/>
      <c r="S76" s="82"/>
      <c r="T76" s="82"/>
      <c r="U76" s="82"/>
      <c r="V76" s="79"/>
      <c r="W76" s="76"/>
      <c r="X76" s="69" t="s">
        <v>182</v>
      </c>
      <c r="Y76" s="70"/>
      <c r="Z76" s="70"/>
      <c r="AA76" s="70"/>
      <c r="AB76" s="71"/>
      <c r="AC76" s="72"/>
      <c r="AD76" s="73"/>
      <c r="AE76" s="74"/>
      <c r="AF76" s="553"/>
      <c r="AH76" s="553"/>
      <c r="AI76" s="554"/>
      <c r="AJ76" s="554"/>
    </row>
    <row r="77" spans="1:51" ht="39" customHeight="1" x14ac:dyDescent="0.2">
      <c r="B77" s="152"/>
      <c r="C77" s="95">
        <v>3</v>
      </c>
      <c r="D77" s="104" t="s">
        <v>163</v>
      </c>
      <c r="E77" s="105"/>
      <c r="F77" s="106"/>
      <c r="G77" s="107"/>
      <c r="H77" s="107"/>
      <c r="I77" s="107"/>
      <c r="J77" s="107"/>
      <c r="K77" s="107"/>
      <c r="L77" s="107"/>
      <c r="M77" s="108"/>
      <c r="N77" s="84" t="s">
        <v>178</v>
      </c>
      <c r="O77" s="84"/>
      <c r="P77" s="84"/>
      <c r="Q77" s="86"/>
      <c r="R77" s="86"/>
      <c r="S77" s="86"/>
      <c r="T77" s="86"/>
      <c r="U77" s="86"/>
      <c r="V77" s="78" t="s">
        <v>408</v>
      </c>
      <c r="W77" s="75"/>
      <c r="X77" s="77" t="s">
        <v>172</v>
      </c>
      <c r="Y77" s="77"/>
      <c r="Z77" s="77"/>
      <c r="AA77" s="77"/>
      <c r="AB77" s="77"/>
      <c r="AC77" s="66"/>
      <c r="AD77" s="67"/>
      <c r="AE77" s="68"/>
      <c r="AF77" s="554"/>
      <c r="AG77" s="554"/>
      <c r="AH77" s="554"/>
      <c r="AI77" s="553"/>
      <c r="AJ77" s="553"/>
    </row>
    <row r="78" spans="1:51" ht="31" customHeight="1" thickBot="1" x14ac:dyDescent="0.25">
      <c r="B78" s="152"/>
      <c r="C78" s="81"/>
      <c r="D78" s="87" t="s">
        <v>145</v>
      </c>
      <c r="E78" s="88"/>
      <c r="F78" s="83"/>
      <c r="G78" s="83"/>
      <c r="H78" s="12"/>
      <c r="I78" s="10" t="s">
        <v>144</v>
      </c>
      <c r="J78" s="37"/>
      <c r="K78" s="10" t="s">
        <v>146</v>
      </c>
      <c r="L78" s="37"/>
      <c r="M78" s="10" t="s">
        <v>147</v>
      </c>
      <c r="N78" s="85" t="s">
        <v>407</v>
      </c>
      <c r="O78" s="85"/>
      <c r="P78" s="85"/>
      <c r="Q78" s="82"/>
      <c r="R78" s="82"/>
      <c r="S78" s="82"/>
      <c r="T78" s="82"/>
      <c r="U78" s="82"/>
      <c r="V78" s="79"/>
      <c r="W78" s="76"/>
      <c r="X78" s="69" t="s">
        <v>182</v>
      </c>
      <c r="Y78" s="70"/>
      <c r="Z78" s="70"/>
      <c r="AA78" s="70"/>
      <c r="AB78" s="71"/>
      <c r="AC78" s="72"/>
      <c r="AD78" s="73"/>
      <c r="AE78" s="74"/>
      <c r="AF78" s="553"/>
      <c r="AG78" s="553"/>
      <c r="AH78" s="553"/>
      <c r="AI78" s="554"/>
      <c r="AJ78" s="554"/>
    </row>
    <row r="79" spans="1:51" ht="39" customHeight="1" x14ac:dyDescent="0.2">
      <c r="B79" s="152"/>
      <c r="C79" s="80">
        <v>4</v>
      </c>
      <c r="D79" s="104" t="s">
        <v>163</v>
      </c>
      <c r="E79" s="105"/>
      <c r="F79" s="106"/>
      <c r="G79" s="107"/>
      <c r="H79" s="107"/>
      <c r="I79" s="107"/>
      <c r="J79" s="107"/>
      <c r="K79" s="107"/>
      <c r="L79" s="107"/>
      <c r="M79" s="108"/>
      <c r="N79" s="84" t="s">
        <v>178</v>
      </c>
      <c r="O79" s="84"/>
      <c r="P79" s="84"/>
      <c r="Q79" s="86"/>
      <c r="R79" s="86"/>
      <c r="S79" s="86"/>
      <c r="T79" s="86"/>
      <c r="U79" s="86"/>
      <c r="V79" s="78" t="s">
        <v>408</v>
      </c>
      <c r="W79" s="75"/>
      <c r="X79" s="77" t="s">
        <v>172</v>
      </c>
      <c r="Y79" s="77"/>
      <c r="Z79" s="77"/>
      <c r="AA79" s="77"/>
      <c r="AB79" s="77"/>
      <c r="AC79" s="66"/>
      <c r="AD79" s="67"/>
      <c r="AE79" s="68"/>
      <c r="AF79" s="554"/>
      <c r="AG79" s="554"/>
      <c r="AH79" s="554"/>
      <c r="AI79" s="553"/>
      <c r="AJ79" s="553"/>
    </row>
    <row r="80" spans="1:51" ht="31" customHeight="1" thickBot="1" x14ac:dyDescent="0.25">
      <c r="B80" s="153"/>
      <c r="C80" s="81"/>
      <c r="D80" s="87" t="s">
        <v>145</v>
      </c>
      <c r="E80" s="88"/>
      <c r="F80" s="83"/>
      <c r="G80" s="83"/>
      <c r="H80" s="12"/>
      <c r="I80" s="10" t="s">
        <v>144</v>
      </c>
      <c r="J80" s="37"/>
      <c r="K80" s="10" t="s">
        <v>146</v>
      </c>
      <c r="L80" s="37"/>
      <c r="M80" s="10" t="s">
        <v>147</v>
      </c>
      <c r="N80" s="85" t="s">
        <v>407</v>
      </c>
      <c r="O80" s="85"/>
      <c r="P80" s="85"/>
      <c r="Q80" s="82"/>
      <c r="R80" s="82"/>
      <c r="S80" s="82"/>
      <c r="T80" s="82"/>
      <c r="U80" s="82"/>
      <c r="V80" s="79"/>
      <c r="W80" s="76"/>
      <c r="X80" s="69" t="s">
        <v>182</v>
      </c>
      <c r="Y80" s="70"/>
      <c r="Z80" s="70"/>
      <c r="AA80" s="70"/>
      <c r="AB80" s="71"/>
      <c r="AC80" s="72"/>
      <c r="AD80" s="73"/>
      <c r="AE80" s="74"/>
      <c r="AF80" s="553"/>
      <c r="AG80" s="553"/>
      <c r="AH80" s="553"/>
      <c r="AI80" s="554"/>
      <c r="AJ80" s="554"/>
    </row>
    <row r="81" spans="1:46" ht="10" customHeight="1" x14ac:dyDescent="0.2">
      <c r="A81" s="471"/>
      <c r="B81" s="557"/>
      <c r="C81" s="24"/>
      <c r="D81" s="24"/>
      <c r="E81" s="24"/>
      <c r="F81" s="480"/>
      <c r="G81" s="24"/>
      <c r="H81" s="480"/>
      <c r="I81" s="24"/>
      <c r="J81" s="24"/>
      <c r="K81" s="24"/>
      <c r="L81" s="24"/>
      <c r="M81" s="24"/>
      <c r="N81" s="480"/>
      <c r="O81" s="469"/>
      <c r="P81" s="469"/>
      <c r="Q81" s="469"/>
      <c r="R81" s="469"/>
      <c r="S81" s="469"/>
      <c r="T81" s="469"/>
      <c r="U81" s="558"/>
      <c r="V81" s="446"/>
      <c r="W81" s="446"/>
      <c r="X81" s="446"/>
      <c r="Z81" s="559"/>
      <c r="AA81" s="559"/>
      <c r="AI81" s="553"/>
      <c r="AJ81" s="553"/>
    </row>
    <row r="82" spans="1:46" ht="23" customHeight="1" thickBot="1" x14ac:dyDescent="0.25">
      <c r="A82" s="473" t="s">
        <v>477</v>
      </c>
      <c r="B82" s="473"/>
      <c r="C82" s="473"/>
      <c r="D82" s="473"/>
      <c r="E82" s="473"/>
      <c r="F82" s="473"/>
      <c r="G82" s="473"/>
      <c r="H82" s="473"/>
      <c r="I82" s="473"/>
      <c r="J82" s="473"/>
      <c r="K82" s="473"/>
      <c r="L82" s="473"/>
      <c r="M82" s="472"/>
      <c r="N82" s="472"/>
      <c r="O82" s="461"/>
      <c r="P82" s="461"/>
      <c r="Q82" s="461"/>
      <c r="R82" s="461"/>
      <c r="S82" s="461"/>
      <c r="T82" s="461"/>
    </row>
    <row r="83" spans="1:46" ht="10" customHeight="1" thickTop="1" x14ac:dyDescent="0.2">
      <c r="A83" s="472"/>
      <c r="B83" s="472"/>
      <c r="C83" s="472"/>
      <c r="D83" s="472"/>
      <c r="E83" s="472"/>
      <c r="F83" s="472"/>
      <c r="G83" s="472"/>
      <c r="H83" s="472"/>
      <c r="I83" s="472"/>
      <c r="J83" s="472"/>
      <c r="K83" s="472"/>
      <c r="L83" s="472"/>
      <c r="M83" s="472"/>
      <c r="N83" s="472"/>
      <c r="O83" s="461"/>
      <c r="P83" s="461"/>
      <c r="Q83" s="461"/>
      <c r="R83" s="461"/>
      <c r="S83" s="461"/>
      <c r="T83" s="461"/>
    </row>
    <row r="84" spans="1:46" s="564" customFormat="1" ht="23" customHeight="1" thickBot="1" x14ac:dyDescent="0.25">
      <c r="A84" s="560" t="s">
        <v>479</v>
      </c>
      <c r="B84" s="560"/>
      <c r="C84" s="560"/>
      <c r="D84" s="560"/>
      <c r="E84" s="560"/>
      <c r="F84" s="560"/>
      <c r="G84" s="561"/>
      <c r="H84" s="561"/>
      <c r="I84" s="561"/>
      <c r="J84" s="561"/>
      <c r="K84" s="561"/>
      <c r="L84" s="561"/>
      <c r="M84" s="561"/>
      <c r="N84" s="561"/>
      <c r="O84" s="562"/>
      <c r="P84" s="562"/>
      <c r="Q84" s="562"/>
      <c r="R84" s="562"/>
      <c r="S84" s="562"/>
      <c r="T84" s="562"/>
      <c r="U84" s="563"/>
      <c r="V84" s="563"/>
      <c r="W84" s="563"/>
      <c r="X84" s="563"/>
      <c r="Y84" s="475"/>
      <c r="Z84" s="475"/>
      <c r="AA84" s="475"/>
      <c r="AB84" s="475"/>
      <c r="AC84" s="475"/>
      <c r="AD84" s="475"/>
      <c r="AE84" s="475"/>
      <c r="AF84" s="475"/>
      <c r="AG84" s="475"/>
      <c r="AH84" s="475"/>
      <c r="AI84" s="475"/>
      <c r="AJ84" s="475"/>
      <c r="AM84" s="565"/>
      <c r="AN84" s="565"/>
      <c r="AO84" s="565"/>
      <c r="AP84" s="566"/>
    </row>
    <row r="85" spans="1:46" ht="8.5" customHeight="1" thickBot="1" x14ac:dyDescent="0.25">
      <c r="A85" s="472"/>
      <c r="B85" s="472"/>
      <c r="C85" s="472"/>
      <c r="D85" s="472"/>
      <c r="E85" s="472"/>
      <c r="F85" s="472"/>
      <c r="G85" s="472"/>
      <c r="H85" s="472"/>
      <c r="I85" s="472"/>
      <c r="J85" s="472"/>
      <c r="K85" s="472"/>
      <c r="L85" s="472"/>
      <c r="M85" s="472"/>
      <c r="N85" s="472"/>
      <c r="O85" s="461"/>
      <c r="P85" s="461"/>
      <c r="Q85" s="461"/>
      <c r="R85" s="461"/>
      <c r="S85" s="461"/>
      <c r="T85" s="461"/>
    </row>
    <row r="86" spans="1:46" ht="39" customHeight="1" thickBot="1" x14ac:dyDescent="0.25">
      <c r="A86" s="472"/>
      <c r="B86" s="567" t="s">
        <v>478</v>
      </c>
      <c r="C86" s="568"/>
      <c r="D86" s="568"/>
      <c r="E86" s="568"/>
      <c r="F86" s="568"/>
      <c r="G86" s="568"/>
      <c r="H86" s="568"/>
      <c r="I86" s="568"/>
      <c r="J86" s="568"/>
      <c r="K86" s="568"/>
      <c r="L86" s="568"/>
      <c r="M86" s="568"/>
      <c r="N86" s="568"/>
      <c r="O86" s="568"/>
      <c r="P86" s="568"/>
      <c r="Q86" s="568"/>
      <c r="R86" s="568"/>
      <c r="S86" s="568"/>
      <c r="T86" s="568"/>
      <c r="U86" s="568"/>
      <c r="V86" s="568"/>
      <c r="W86" s="568"/>
      <c r="X86" s="568"/>
      <c r="Y86" s="568"/>
      <c r="Z86" s="568"/>
      <c r="AA86" s="568"/>
      <c r="AB86" s="568"/>
      <c r="AC86" s="569"/>
      <c r="AD86" s="570"/>
      <c r="AE86" s="571"/>
      <c r="AF86" s="598" t="s">
        <v>585</v>
      </c>
    </row>
    <row r="87" spans="1:46" s="471" customFormat="1" ht="8" customHeight="1" x14ac:dyDescent="0.2">
      <c r="A87" s="572"/>
      <c r="B87" s="573"/>
      <c r="C87" s="573"/>
      <c r="D87" s="573"/>
      <c r="E87" s="573"/>
      <c r="F87" s="573"/>
      <c r="G87" s="573"/>
      <c r="H87" s="573"/>
      <c r="I87" s="573"/>
      <c r="J87" s="573"/>
      <c r="K87" s="573"/>
      <c r="L87" s="573"/>
      <c r="M87" s="573"/>
      <c r="N87" s="573"/>
      <c r="O87" s="573"/>
      <c r="P87" s="573"/>
      <c r="Q87" s="573"/>
      <c r="R87" s="573"/>
      <c r="S87" s="573"/>
      <c r="T87" s="573"/>
      <c r="U87" s="573"/>
      <c r="V87" s="573"/>
      <c r="W87" s="573"/>
      <c r="X87" s="573"/>
      <c r="Y87" s="573"/>
      <c r="Z87" s="573"/>
      <c r="AA87" s="573"/>
      <c r="AB87" s="573"/>
      <c r="AC87" s="550"/>
      <c r="AD87" s="550"/>
      <c r="AE87" s="550"/>
      <c r="AF87" s="446"/>
      <c r="AG87" s="446"/>
      <c r="AH87" s="446"/>
      <c r="AI87" s="446"/>
      <c r="AJ87" s="446"/>
      <c r="AK87" s="470"/>
      <c r="AL87" s="470"/>
      <c r="AM87" s="446"/>
      <c r="AN87" s="446"/>
      <c r="AO87" s="446"/>
      <c r="AP87" s="454"/>
    </row>
    <row r="88" spans="1:46" s="564" customFormat="1" ht="23" customHeight="1" thickBot="1" x14ac:dyDescent="0.25">
      <c r="A88" s="574" t="s">
        <v>480</v>
      </c>
      <c r="B88" s="574"/>
      <c r="C88" s="574"/>
      <c r="D88" s="574"/>
      <c r="E88" s="574"/>
      <c r="F88" s="574"/>
      <c r="G88" s="574"/>
      <c r="H88" s="574"/>
      <c r="I88" s="575"/>
      <c r="J88" s="574"/>
      <c r="K88" s="561"/>
      <c r="L88" s="574"/>
      <c r="M88" s="574"/>
      <c r="N88" s="574"/>
      <c r="O88" s="562"/>
      <c r="P88" s="576"/>
      <c r="Q88" s="576"/>
      <c r="R88" s="577"/>
      <c r="S88" s="578"/>
      <c r="T88" s="579"/>
      <c r="U88" s="580"/>
      <c r="V88" s="581"/>
      <c r="W88" s="580"/>
      <c r="X88" s="580"/>
      <c r="Y88" s="475"/>
      <c r="Z88" s="475"/>
      <c r="AA88" s="475"/>
      <c r="AB88" s="475"/>
      <c r="AC88" s="475"/>
      <c r="AD88" s="475"/>
      <c r="AE88" s="475"/>
      <c r="AF88" s="475"/>
      <c r="AG88" s="475"/>
      <c r="AH88" s="475"/>
      <c r="AI88" s="475"/>
      <c r="AJ88" s="475"/>
      <c r="AM88" s="565"/>
      <c r="AN88" s="565"/>
      <c r="AO88" s="565"/>
      <c r="AP88" s="566"/>
    </row>
    <row r="89" spans="1:46" s="564" customFormat="1" ht="7" customHeight="1" thickBot="1" x14ac:dyDescent="0.25">
      <c r="A89" s="561"/>
      <c r="B89" s="561"/>
      <c r="C89" s="561"/>
      <c r="D89" s="561"/>
      <c r="E89" s="561"/>
      <c r="F89" s="561"/>
      <c r="G89" s="561"/>
      <c r="H89" s="561"/>
      <c r="I89" s="561"/>
      <c r="J89" s="561"/>
      <c r="K89" s="582"/>
      <c r="L89" s="561"/>
      <c r="M89" s="561"/>
      <c r="N89" s="561"/>
      <c r="O89" s="583"/>
      <c r="P89" s="562"/>
      <c r="Q89" s="562"/>
      <c r="R89" s="583"/>
      <c r="S89" s="562"/>
      <c r="T89" s="562"/>
      <c r="U89" s="527"/>
      <c r="V89" s="527"/>
      <c r="W89" s="527"/>
      <c r="X89" s="563"/>
      <c r="Y89" s="475"/>
      <c r="Z89" s="475"/>
      <c r="AA89" s="475"/>
      <c r="AB89" s="475"/>
      <c r="AC89" s="475"/>
      <c r="AD89" s="475"/>
      <c r="AE89" s="475"/>
      <c r="AF89" s="475"/>
      <c r="AG89" s="475"/>
      <c r="AH89" s="475"/>
      <c r="AI89" s="475"/>
      <c r="AJ89" s="475"/>
      <c r="AM89" s="565"/>
      <c r="AN89" s="565"/>
      <c r="AO89" s="565"/>
      <c r="AP89" s="566"/>
    </row>
    <row r="90" spans="1:46" s="564" customFormat="1" ht="23" customHeight="1" x14ac:dyDescent="0.2">
      <c r="A90" s="561"/>
      <c r="B90" s="600" t="s">
        <v>481</v>
      </c>
      <c r="C90" s="601"/>
      <c r="D90" s="601"/>
      <c r="E90" s="601"/>
      <c r="F90" s="601"/>
      <c r="G90" s="601"/>
      <c r="H90" s="601"/>
      <c r="I90" s="601"/>
      <c r="J90" s="601"/>
      <c r="K90" s="601"/>
      <c r="L90" s="601"/>
      <c r="M90" s="601"/>
      <c r="N90" s="601"/>
      <c r="O90" s="601"/>
      <c r="P90" s="601"/>
      <c r="Q90" s="601"/>
      <c r="R90" s="601"/>
      <c r="S90" s="601"/>
      <c r="T90" s="601"/>
      <c r="U90" s="601"/>
      <c r="V90" s="601"/>
      <c r="W90" s="601"/>
      <c r="X90" s="601"/>
      <c r="Y90" s="601"/>
      <c r="Z90" s="601"/>
      <c r="AA90" s="601"/>
      <c r="AB90" s="601"/>
      <c r="AC90" s="602" t="s">
        <v>570</v>
      </c>
      <c r="AD90" s="603"/>
      <c r="AE90" s="604"/>
      <c r="AF90" s="599" t="s">
        <v>586</v>
      </c>
      <c r="AG90" s="585"/>
      <c r="AH90" s="585"/>
      <c r="AI90" s="585"/>
      <c r="AJ90" s="585"/>
      <c r="AK90" s="585"/>
      <c r="AL90" s="585"/>
      <c r="AM90" s="585"/>
      <c r="AN90" s="585"/>
      <c r="AO90" s="585"/>
      <c r="AP90" s="585"/>
      <c r="AQ90" s="585"/>
      <c r="AR90" s="585"/>
      <c r="AS90" s="585"/>
      <c r="AT90" s="585"/>
    </row>
    <row r="91" spans="1:46" s="564" customFormat="1" ht="23" customHeight="1" x14ac:dyDescent="0.2">
      <c r="A91" s="561"/>
      <c r="B91" s="605" t="s">
        <v>482</v>
      </c>
      <c r="C91" s="584"/>
      <c r="D91" s="584"/>
      <c r="E91" s="584"/>
      <c r="F91" s="584"/>
      <c r="G91" s="584"/>
      <c r="H91" s="584"/>
      <c r="I91" s="584"/>
      <c r="J91" s="584"/>
      <c r="K91" s="584"/>
      <c r="L91" s="584"/>
      <c r="M91" s="584"/>
      <c r="N91" s="584"/>
      <c r="O91" s="584"/>
      <c r="P91" s="584"/>
      <c r="Q91" s="584"/>
      <c r="R91" s="584"/>
      <c r="S91" s="584"/>
      <c r="T91" s="584"/>
      <c r="U91" s="584"/>
      <c r="V91" s="584"/>
      <c r="W91" s="584"/>
      <c r="X91" s="584"/>
      <c r="Y91" s="584"/>
      <c r="Z91" s="584"/>
      <c r="AA91" s="584"/>
      <c r="AB91" s="584"/>
      <c r="AC91" s="586"/>
      <c r="AD91" s="587"/>
      <c r="AE91" s="606"/>
      <c r="AF91" s="585"/>
      <c r="AG91" s="585"/>
      <c r="AH91" s="585"/>
      <c r="AI91" s="585"/>
      <c r="AJ91" s="585"/>
      <c r="AK91" s="585"/>
      <c r="AL91" s="585"/>
      <c r="AM91" s="585"/>
      <c r="AN91" s="585"/>
      <c r="AO91" s="585"/>
      <c r="AP91" s="585"/>
      <c r="AQ91" s="585"/>
      <c r="AR91" s="585"/>
      <c r="AS91" s="585"/>
      <c r="AT91" s="585"/>
    </row>
    <row r="92" spans="1:46" s="564" customFormat="1" ht="23" customHeight="1" x14ac:dyDescent="0.2">
      <c r="A92" s="561"/>
      <c r="B92" s="607" t="s">
        <v>483</v>
      </c>
      <c r="C92" s="588"/>
      <c r="D92" s="588"/>
      <c r="E92" s="588"/>
      <c r="F92" s="588"/>
      <c r="G92" s="588"/>
      <c r="H92" s="588"/>
      <c r="I92" s="588"/>
      <c r="J92" s="588"/>
      <c r="K92" s="588"/>
      <c r="L92" s="588"/>
      <c r="M92" s="588"/>
      <c r="N92" s="588"/>
      <c r="O92" s="588"/>
      <c r="P92" s="588"/>
      <c r="Q92" s="588"/>
      <c r="R92" s="588"/>
      <c r="S92" s="588"/>
      <c r="T92" s="588"/>
      <c r="U92" s="588"/>
      <c r="V92" s="588"/>
      <c r="W92" s="588"/>
      <c r="X92" s="588"/>
      <c r="Y92" s="588"/>
      <c r="Z92" s="588"/>
      <c r="AA92" s="588"/>
      <c r="AB92" s="588"/>
      <c r="AC92" s="589"/>
      <c r="AD92" s="590"/>
      <c r="AE92" s="608"/>
      <c r="AF92" s="475"/>
      <c r="AG92" s="475"/>
      <c r="AH92" s="475"/>
      <c r="AI92" s="475"/>
      <c r="AJ92" s="475"/>
      <c r="AM92" s="565"/>
      <c r="AN92" s="565"/>
      <c r="AO92" s="565"/>
      <c r="AP92" s="566"/>
    </row>
    <row r="93" spans="1:46" s="564" customFormat="1" ht="23" customHeight="1" x14ac:dyDescent="0.2">
      <c r="A93" s="561"/>
      <c r="B93" s="605" t="s">
        <v>486</v>
      </c>
      <c r="C93" s="584"/>
      <c r="D93" s="584"/>
      <c r="E93" s="584"/>
      <c r="F93" s="584"/>
      <c r="G93" s="584"/>
      <c r="H93" s="584"/>
      <c r="I93" s="584"/>
      <c r="J93" s="584"/>
      <c r="K93" s="584"/>
      <c r="L93" s="584"/>
      <c r="M93" s="584"/>
      <c r="N93" s="584"/>
      <c r="O93" s="584"/>
      <c r="P93" s="584"/>
      <c r="Q93" s="584"/>
      <c r="R93" s="584"/>
      <c r="S93" s="584"/>
      <c r="T93" s="584"/>
      <c r="U93" s="584"/>
      <c r="V93" s="584"/>
      <c r="W93" s="584"/>
      <c r="X93" s="584"/>
      <c r="Y93" s="584"/>
      <c r="Z93" s="584"/>
      <c r="AA93" s="584"/>
      <c r="AB93" s="584"/>
      <c r="AC93" s="591"/>
      <c r="AD93" s="591"/>
      <c r="AE93" s="609"/>
      <c r="AF93" s="475"/>
      <c r="AG93" s="475"/>
      <c r="AH93" s="475"/>
      <c r="AI93" s="475"/>
      <c r="AJ93" s="475"/>
      <c r="AM93" s="565"/>
      <c r="AN93" s="565"/>
      <c r="AO93" s="565"/>
      <c r="AP93" s="566"/>
    </row>
    <row r="94" spans="1:46" s="564" customFormat="1" ht="23" customHeight="1" x14ac:dyDescent="0.2">
      <c r="A94" s="561"/>
      <c r="B94" s="605" t="s">
        <v>484</v>
      </c>
      <c r="C94" s="584"/>
      <c r="D94" s="584"/>
      <c r="E94" s="584"/>
      <c r="F94" s="584"/>
      <c r="G94" s="584"/>
      <c r="H94" s="584"/>
      <c r="I94" s="584"/>
      <c r="J94" s="584"/>
      <c r="K94" s="584"/>
      <c r="L94" s="584"/>
      <c r="M94" s="584"/>
      <c r="N94" s="584"/>
      <c r="O94" s="584"/>
      <c r="P94" s="584"/>
      <c r="Q94" s="584"/>
      <c r="R94" s="584"/>
      <c r="S94" s="584"/>
      <c r="T94" s="584"/>
      <c r="U94" s="584"/>
      <c r="V94" s="584"/>
      <c r="W94" s="584"/>
      <c r="X94" s="584"/>
      <c r="Y94" s="584"/>
      <c r="Z94" s="584"/>
      <c r="AA94" s="584"/>
      <c r="AB94" s="584"/>
      <c r="AC94" s="591"/>
      <c r="AD94" s="591"/>
      <c r="AE94" s="609"/>
      <c r="AF94" s="475"/>
      <c r="AG94" s="475"/>
      <c r="AH94" s="475"/>
      <c r="AI94" s="475"/>
      <c r="AJ94" s="475"/>
      <c r="AM94" s="565"/>
      <c r="AN94" s="565"/>
      <c r="AO94" s="565"/>
      <c r="AP94" s="566"/>
    </row>
    <row r="95" spans="1:46" s="564" customFormat="1" ht="23" customHeight="1" thickBot="1" x14ac:dyDescent="0.25">
      <c r="A95" s="561"/>
      <c r="B95" s="610" t="s">
        <v>485</v>
      </c>
      <c r="C95" s="611"/>
      <c r="D95" s="611"/>
      <c r="E95" s="611"/>
      <c r="F95" s="611"/>
      <c r="G95" s="611"/>
      <c r="H95" s="611"/>
      <c r="I95" s="611"/>
      <c r="J95" s="611"/>
      <c r="K95" s="611"/>
      <c r="L95" s="611"/>
      <c r="M95" s="611"/>
      <c r="N95" s="611"/>
      <c r="O95" s="611"/>
      <c r="P95" s="611"/>
      <c r="Q95" s="611"/>
      <c r="R95" s="611"/>
      <c r="S95" s="611"/>
      <c r="T95" s="611"/>
      <c r="U95" s="611"/>
      <c r="V95" s="611"/>
      <c r="W95" s="611"/>
      <c r="X95" s="611"/>
      <c r="Y95" s="611"/>
      <c r="Z95" s="611"/>
      <c r="AA95" s="611"/>
      <c r="AB95" s="611"/>
      <c r="AC95" s="612"/>
      <c r="AD95" s="612"/>
      <c r="AE95" s="613"/>
      <c r="AF95" s="475"/>
      <c r="AG95" s="475"/>
      <c r="AH95" s="475"/>
      <c r="AI95" s="475"/>
      <c r="AJ95" s="475"/>
      <c r="AM95" s="565"/>
      <c r="AN95" s="565"/>
      <c r="AO95" s="565"/>
      <c r="AP95" s="566"/>
    </row>
    <row r="96" spans="1:46" ht="25" customHeight="1" x14ac:dyDescent="0.2">
      <c r="A96" s="461"/>
      <c r="B96" s="451"/>
      <c r="C96" s="24"/>
      <c r="D96" s="24"/>
      <c r="E96" s="24"/>
      <c r="F96" s="24"/>
      <c r="G96" s="592"/>
      <c r="H96" s="23"/>
      <c r="I96" s="593"/>
      <c r="J96" s="23"/>
      <c r="K96" s="592"/>
      <c r="L96" s="24"/>
      <c r="M96" s="23"/>
      <c r="N96" s="23"/>
      <c r="O96" s="593"/>
      <c r="P96" s="24"/>
      <c r="Q96" s="24"/>
      <c r="R96" s="593"/>
      <c r="S96" s="593"/>
      <c r="T96" s="593"/>
      <c r="U96" s="462"/>
      <c r="X96" s="516"/>
      <c r="AJ96" s="447"/>
      <c r="AL96" s="448"/>
      <c r="AO96" s="449"/>
      <c r="AP96" s="444"/>
    </row>
    <row r="97" spans="1:42" ht="27" customHeight="1" x14ac:dyDescent="0.2">
      <c r="B97" s="594" t="s">
        <v>410</v>
      </c>
      <c r="C97" s="594"/>
      <c r="D97" s="594"/>
      <c r="E97" s="594"/>
      <c r="F97" s="594"/>
      <c r="G97" s="594"/>
      <c r="H97" s="594"/>
      <c r="I97" s="594"/>
      <c r="J97" s="594"/>
      <c r="K97" s="594"/>
      <c r="L97" s="594"/>
      <c r="M97" s="594"/>
      <c r="N97" s="594"/>
      <c r="O97" s="594"/>
      <c r="P97" s="594"/>
      <c r="Q97" s="594"/>
      <c r="R97" s="594"/>
      <c r="S97" s="594"/>
      <c r="T97" s="594"/>
      <c r="AJ97" s="447"/>
      <c r="AL97" s="448"/>
      <c r="AO97" s="449"/>
      <c r="AP97" s="444"/>
    </row>
    <row r="98" spans="1:42" ht="25.5" customHeight="1" x14ac:dyDescent="0.2">
      <c r="B98" s="594"/>
      <c r="C98" s="594"/>
      <c r="D98" s="594"/>
      <c r="E98" s="594"/>
      <c r="F98" s="594"/>
      <c r="G98" s="594"/>
      <c r="H98" s="594"/>
      <c r="I98" s="594"/>
      <c r="J98" s="594"/>
      <c r="K98" s="594"/>
      <c r="L98" s="594"/>
      <c r="M98" s="594"/>
      <c r="N98" s="594"/>
      <c r="O98" s="594"/>
      <c r="P98" s="594"/>
      <c r="Q98" s="594"/>
      <c r="R98" s="594"/>
      <c r="S98" s="594"/>
      <c r="T98" s="594"/>
      <c r="U98" s="531" t="s">
        <v>411</v>
      </c>
      <c r="V98" s="531"/>
      <c r="AJ98" s="447"/>
      <c r="AL98" s="448"/>
      <c r="AO98" s="449"/>
      <c r="AP98" s="444"/>
    </row>
    <row r="99" spans="1:42" ht="25.5" customHeight="1" x14ac:dyDescent="0.2">
      <c r="B99" s="594"/>
      <c r="C99" s="594"/>
      <c r="D99" s="594"/>
      <c r="E99" s="594"/>
      <c r="F99" s="594"/>
      <c r="G99" s="594"/>
      <c r="H99" s="594"/>
      <c r="I99" s="594"/>
      <c r="J99" s="594"/>
      <c r="K99" s="594"/>
      <c r="L99" s="594"/>
      <c r="M99" s="594"/>
      <c r="N99" s="594"/>
      <c r="O99" s="594"/>
      <c r="P99" s="594"/>
      <c r="Q99" s="594"/>
      <c r="R99" s="594"/>
      <c r="S99" s="594"/>
      <c r="T99" s="594"/>
      <c r="V99" s="531"/>
      <c r="AJ99" s="447"/>
      <c r="AL99" s="448"/>
      <c r="AO99" s="449"/>
      <c r="AP99" s="444"/>
    </row>
    <row r="100" spans="1:42" ht="25.5" customHeight="1" x14ac:dyDescent="0.2">
      <c r="B100" s="594"/>
      <c r="C100" s="594"/>
      <c r="D100" s="594"/>
      <c r="E100" s="594"/>
      <c r="F100" s="594"/>
      <c r="G100" s="594"/>
      <c r="H100" s="594"/>
      <c r="I100" s="594"/>
      <c r="J100" s="594"/>
      <c r="K100" s="594"/>
      <c r="L100" s="594"/>
      <c r="M100" s="594"/>
      <c r="N100" s="594"/>
      <c r="O100" s="594"/>
      <c r="P100" s="594"/>
      <c r="Q100" s="594"/>
      <c r="R100" s="594"/>
      <c r="S100" s="594"/>
      <c r="T100" s="594"/>
      <c r="AJ100" s="447"/>
      <c r="AL100" s="448"/>
      <c r="AO100" s="449"/>
      <c r="AP100" s="444"/>
    </row>
    <row r="101" spans="1:42" ht="25" customHeight="1" x14ac:dyDescent="0.2">
      <c r="AG101" s="475" t="s">
        <v>187</v>
      </c>
    </row>
    <row r="102" spans="1:42" ht="23.15" customHeight="1" x14ac:dyDescent="0.2">
      <c r="A102" s="461"/>
      <c r="T102" s="455">
        <v>72</v>
      </c>
      <c r="U102" s="482" t="s">
        <v>143</v>
      </c>
      <c r="V102" s="444"/>
      <c r="W102" s="444"/>
      <c r="X102" s="444"/>
      <c r="Y102" s="444"/>
      <c r="Z102" s="444"/>
      <c r="AA102" s="444"/>
      <c r="AB102" s="444"/>
      <c r="AC102" s="444"/>
      <c r="AD102" s="444"/>
      <c r="AE102" s="444"/>
      <c r="AF102" s="448"/>
      <c r="AG102" s="448"/>
      <c r="AH102" s="448"/>
      <c r="AM102" s="455"/>
      <c r="AN102" s="482"/>
    </row>
    <row r="103" spans="1:42" ht="23.15" customHeight="1" x14ac:dyDescent="0.2">
      <c r="A103" s="461"/>
      <c r="AI103" s="448"/>
      <c r="AJ103" s="448"/>
    </row>
    <row r="104" spans="1:42" ht="23.15" customHeight="1" x14ac:dyDescent="0.2">
      <c r="A104" s="461"/>
      <c r="AB104" s="17"/>
    </row>
    <row r="105" spans="1:42" ht="23.15" customHeight="1" x14ac:dyDescent="0.2"/>
    <row r="106" spans="1:42" ht="20.25" customHeight="1" x14ac:dyDescent="0.2"/>
    <row r="107" spans="1:42" ht="20.25" customHeight="1" x14ac:dyDescent="0.2"/>
    <row r="108" spans="1:42" ht="20.25" customHeight="1" x14ac:dyDescent="0.2"/>
    <row r="109" spans="1:42" ht="26.25" customHeight="1" x14ac:dyDescent="0.2"/>
    <row r="110" spans="1:42" ht="18" customHeight="1" x14ac:dyDescent="0.2"/>
    <row r="111" spans="1:42" ht="18" customHeight="1" x14ac:dyDescent="0.2"/>
    <row r="112" spans="1:42" ht="18" customHeight="1" x14ac:dyDescent="0.2"/>
    <row r="113" ht="18" customHeight="1" x14ac:dyDescent="0.2"/>
    <row r="114" ht="18" customHeight="1" x14ac:dyDescent="0.2"/>
    <row r="115" ht="18" customHeight="1" x14ac:dyDescent="0.2"/>
    <row r="116" ht="18" customHeight="1" x14ac:dyDescent="0.2"/>
    <row r="117" ht="18" customHeight="1" x14ac:dyDescent="0.2"/>
    <row r="118" ht="18" customHeight="1" x14ac:dyDescent="0.2"/>
    <row r="119" ht="18" customHeight="1" x14ac:dyDescent="0.2"/>
    <row r="120" ht="18" customHeight="1" x14ac:dyDescent="0.2"/>
    <row r="121" ht="18" customHeight="1" x14ac:dyDescent="0.2"/>
    <row r="122" ht="18" customHeight="1" x14ac:dyDescent="0.2"/>
    <row r="123" ht="18" customHeight="1" x14ac:dyDescent="0.2"/>
    <row r="124" ht="18" customHeight="1" x14ac:dyDescent="0.2"/>
    <row r="125" ht="18" customHeight="1" x14ac:dyDescent="0.2"/>
    <row r="126" ht="18" customHeight="1" x14ac:dyDescent="0.2"/>
    <row r="127" ht="18" customHeight="1" x14ac:dyDescent="0.2"/>
    <row r="128" ht="18" customHeight="1" x14ac:dyDescent="0.2"/>
    <row r="129" ht="18" customHeight="1" x14ac:dyDescent="0.2"/>
    <row r="130" ht="18" customHeight="1" x14ac:dyDescent="0.2"/>
    <row r="131" ht="18" customHeight="1" x14ac:dyDescent="0.2"/>
    <row r="132" ht="18" customHeight="1" x14ac:dyDescent="0.2"/>
    <row r="133" ht="18" customHeight="1" x14ac:dyDescent="0.2"/>
    <row r="134" ht="18" customHeight="1" x14ac:dyDescent="0.2"/>
    <row r="135" ht="18" customHeight="1" x14ac:dyDescent="0.2"/>
    <row r="136" ht="18" customHeight="1" x14ac:dyDescent="0.2"/>
    <row r="137" ht="18" customHeight="1" x14ac:dyDescent="0.2"/>
    <row r="138" ht="12" customHeight="1" x14ac:dyDescent="0.2"/>
    <row r="139" ht="12" customHeight="1" x14ac:dyDescent="0.2"/>
    <row r="140" ht="12" customHeight="1" x14ac:dyDescent="0.2"/>
    <row r="141" ht="12" customHeight="1" x14ac:dyDescent="0.2"/>
    <row r="142" ht="12" customHeight="1" x14ac:dyDescent="0.2"/>
    <row r="143" ht="12" customHeight="1" x14ac:dyDescent="0.2"/>
    <row r="144" ht="12" customHeight="1" x14ac:dyDescent="0.2"/>
    <row r="145" ht="12" customHeight="1" x14ac:dyDescent="0.2"/>
    <row r="146" ht="12" customHeight="1" x14ac:dyDescent="0.2"/>
    <row r="147" ht="12" customHeight="1" x14ac:dyDescent="0.2"/>
    <row r="148" ht="12" customHeight="1" x14ac:dyDescent="0.2"/>
    <row r="149" ht="12" customHeight="1" x14ac:dyDescent="0.2"/>
    <row r="150" ht="12" customHeight="1" x14ac:dyDescent="0.2"/>
    <row r="151" ht="12" customHeight="1" x14ac:dyDescent="0.2"/>
    <row r="152" ht="12" customHeight="1" x14ac:dyDescent="0.2"/>
    <row r="153" ht="12" customHeight="1" x14ac:dyDescent="0.2"/>
    <row r="154" ht="12" customHeight="1" x14ac:dyDescent="0.2"/>
    <row r="155" ht="12" customHeight="1" x14ac:dyDescent="0.2"/>
    <row r="156" ht="12" customHeight="1" x14ac:dyDescent="0.2"/>
    <row r="157" ht="12" customHeight="1" x14ac:dyDescent="0.2"/>
    <row r="158" ht="12" customHeight="1" x14ac:dyDescent="0.2"/>
    <row r="159" ht="12" customHeight="1" x14ac:dyDescent="0.2"/>
    <row r="160" ht="12" customHeight="1" x14ac:dyDescent="0.2"/>
    <row r="161" ht="12" customHeight="1" x14ac:dyDescent="0.2"/>
    <row r="162" ht="12" customHeight="1" x14ac:dyDescent="0.2"/>
    <row r="163" ht="12" customHeight="1" x14ac:dyDescent="0.2"/>
    <row r="164" ht="12" customHeight="1" x14ac:dyDescent="0.2"/>
    <row r="165" ht="12" customHeight="1" x14ac:dyDescent="0.2"/>
    <row r="166" ht="12" customHeight="1" x14ac:dyDescent="0.2"/>
    <row r="167" ht="12" customHeight="1" x14ac:dyDescent="0.2"/>
    <row r="168" ht="12" customHeight="1" x14ac:dyDescent="0.2"/>
    <row r="169" ht="12" customHeight="1" x14ac:dyDescent="0.2"/>
    <row r="170" ht="12" customHeight="1" x14ac:dyDescent="0.2"/>
    <row r="171" ht="12" customHeight="1" x14ac:dyDescent="0.2"/>
    <row r="172" ht="12" customHeight="1" x14ac:dyDescent="0.2"/>
    <row r="173" ht="12" customHeight="1" x14ac:dyDescent="0.2"/>
    <row r="174" ht="12" customHeight="1" x14ac:dyDescent="0.2"/>
    <row r="175" ht="12" customHeight="1" x14ac:dyDescent="0.2"/>
    <row r="176" ht="12" customHeight="1" x14ac:dyDescent="0.2"/>
    <row r="177" ht="12" customHeight="1" x14ac:dyDescent="0.2"/>
    <row r="178" ht="12" customHeight="1" x14ac:dyDescent="0.2"/>
    <row r="179" ht="12" customHeight="1" x14ac:dyDescent="0.2"/>
    <row r="180" ht="12" customHeight="1" x14ac:dyDescent="0.2"/>
    <row r="181" ht="12" customHeight="1" x14ac:dyDescent="0.2"/>
    <row r="182" ht="12" customHeight="1" x14ac:dyDescent="0.2"/>
    <row r="183" ht="12" customHeight="1" x14ac:dyDescent="0.2"/>
    <row r="184" ht="12" customHeight="1" x14ac:dyDescent="0.2"/>
    <row r="185" ht="12" customHeight="1" x14ac:dyDescent="0.2"/>
    <row r="186" ht="12" customHeight="1" x14ac:dyDescent="0.2"/>
    <row r="187" ht="12" customHeight="1" x14ac:dyDescent="0.2"/>
    <row r="188" ht="12" customHeight="1" x14ac:dyDescent="0.2"/>
    <row r="189" ht="12" customHeight="1" x14ac:dyDescent="0.2"/>
    <row r="190" ht="12" customHeight="1" x14ac:dyDescent="0.2"/>
    <row r="191" ht="12" customHeight="1" x14ac:dyDescent="0.2"/>
    <row r="192" ht="12" customHeight="1" x14ac:dyDescent="0.2"/>
    <row r="193" ht="12" customHeight="1" x14ac:dyDescent="0.2"/>
    <row r="194" ht="12" customHeight="1" x14ac:dyDescent="0.2"/>
    <row r="195" ht="12" customHeight="1" x14ac:dyDescent="0.2"/>
    <row r="196" ht="12" customHeight="1" x14ac:dyDescent="0.2"/>
    <row r="197" ht="12" customHeight="1" x14ac:dyDescent="0.2"/>
    <row r="198" ht="12" customHeight="1" x14ac:dyDescent="0.2"/>
    <row r="199" ht="12" customHeight="1" x14ac:dyDescent="0.2"/>
    <row r="200" ht="12" customHeight="1" x14ac:dyDescent="0.2"/>
    <row r="201" ht="12" customHeight="1" x14ac:dyDescent="0.2"/>
    <row r="202" ht="12" customHeight="1" x14ac:dyDescent="0.2"/>
    <row r="203" ht="12" customHeight="1" x14ac:dyDescent="0.2"/>
    <row r="204" ht="12" customHeight="1" x14ac:dyDescent="0.2"/>
    <row r="205" ht="12" customHeight="1" x14ac:dyDescent="0.2"/>
    <row r="206" ht="12" customHeight="1" x14ac:dyDescent="0.2"/>
    <row r="207" ht="12" customHeight="1" x14ac:dyDescent="0.2"/>
    <row r="208" ht="12" customHeight="1" x14ac:dyDescent="0.2"/>
    <row r="209" ht="12" customHeight="1" x14ac:dyDescent="0.2"/>
    <row r="210" ht="12" customHeight="1" x14ac:dyDescent="0.2"/>
    <row r="211" ht="12" customHeight="1" x14ac:dyDescent="0.2"/>
    <row r="212" ht="12" customHeight="1" x14ac:dyDescent="0.2"/>
    <row r="213" ht="12" customHeight="1" x14ac:dyDescent="0.2"/>
    <row r="214" ht="12" customHeight="1" x14ac:dyDescent="0.2"/>
    <row r="215" ht="12" customHeight="1" x14ac:dyDescent="0.2"/>
    <row r="216" ht="12" customHeight="1" x14ac:dyDescent="0.2"/>
    <row r="217" ht="12" customHeight="1" x14ac:dyDescent="0.2"/>
    <row r="218" ht="12" customHeight="1" x14ac:dyDescent="0.2"/>
    <row r="219" ht="12" customHeight="1" x14ac:dyDescent="0.2"/>
    <row r="220" ht="12" customHeight="1" x14ac:dyDescent="0.2"/>
    <row r="221" ht="12" customHeight="1" x14ac:dyDescent="0.2"/>
    <row r="222" ht="12" customHeight="1" x14ac:dyDescent="0.2"/>
    <row r="223" ht="12" customHeight="1" x14ac:dyDescent="0.2"/>
    <row r="224" ht="12" customHeight="1" x14ac:dyDescent="0.2"/>
    <row r="225" ht="12" customHeight="1" x14ac:dyDescent="0.2"/>
    <row r="226" ht="12" customHeight="1" x14ac:dyDescent="0.2"/>
    <row r="227" ht="12" customHeight="1" x14ac:dyDescent="0.2"/>
    <row r="228" ht="12" customHeight="1" x14ac:dyDescent="0.2"/>
    <row r="229" ht="12" customHeight="1" x14ac:dyDescent="0.2"/>
    <row r="230" ht="12" customHeight="1" x14ac:dyDescent="0.2"/>
    <row r="231" ht="12" customHeight="1" x14ac:dyDescent="0.2"/>
    <row r="232" ht="12" customHeight="1" x14ac:dyDescent="0.2"/>
    <row r="233" ht="12" customHeight="1" x14ac:dyDescent="0.2"/>
    <row r="234" ht="12" customHeight="1" x14ac:dyDescent="0.2"/>
    <row r="235" ht="12" customHeight="1" x14ac:dyDescent="0.2"/>
    <row r="236" ht="12" customHeight="1" x14ac:dyDescent="0.2"/>
    <row r="237" ht="12" customHeight="1" x14ac:dyDescent="0.2"/>
    <row r="238" ht="12" customHeight="1" x14ac:dyDescent="0.2"/>
    <row r="239" ht="12" customHeight="1" x14ac:dyDescent="0.2"/>
    <row r="240" ht="12" customHeight="1" x14ac:dyDescent="0.2"/>
    <row r="241" ht="12" customHeight="1" x14ac:dyDescent="0.2"/>
    <row r="242" ht="12" customHeight="1" x14ac:dyDescent="0.2"/>
    <row r="243" ht="12" customHeight="1" x14ac:dyDescent="0.2"/>
    <row r="244" ht="12" customHeight="1" x14ac:dyDescent="0.2"/>
    <row r="245" ht="12" customHeight="1" x14ac:dyDescent="0.2"/>
    <row r="246" ht="12" customHeight="1" x14ac:dyDescent="0.2"/>
    <row r="247" ht="12" customHeight="1" x14ac:dyDescent="0.2"/>
    <row r="248" ht="12" customHeight="1" x14ac:dyDescent="0.2"/>
    <row r="249" ht="12" customHeight="1" x14ac:dyDescent="0.2"/>
    <row r="250" ht="12" customHeight="1" x14ac:dyDescent="0.2"/>
    <row r="251" ht="12" customHeight="1" x14ac:dyDescent="0.2"/>
    <row r="252" ht="12" customHeight="1" x14ac:dyDescent="0.2"/>
    <row r="253" ht="12" customHeight="1" x14ac:dyDescent="0.2"/>
    <row r="254" ht="12" customHeight="1" x14ac:dyDescent="0.2"/>
    <row r="255" ht="12" customHeight="1" x14ac:dyDescent="0.2"/>
    <row r="256" ht="12" customHeight="1" x14ac:dyDescent="0.2"/>
    <row r="257" ht="12" customHeight="1" x14ac:dyDescent="0.2"/>
    <row r="258" ht="12" customHeight="1" x14ac:dyDescent="0.2"/>
    <row r="259" ht="12" customHeight="1" x14ac:dyDescent="0.2"/>
    <row r="260" ht="12" customHeight="1" x14ac:dyDescent="0.2"/>
    <row r="261" ht="12" customHeight="1" x14ac:dyDescent="0.2"/>
    <row r="262" ht="12" customHeight="1" x14ac:dyDescent="0.2"/>
    <row r="263" ht="12" customHeight="1" x14ac:dyDescent="0.2"/>
    <row r="264" ht="12" customHeight="1" x14ac:dyDescent="0.2"/>
    <row r="265" ht="12" customHeight="1" x14ac:dyDescent="0.2"/>
    <row r="266" ht="12" customHeight="1" x14ac:dyDescent="0.2"/>
    <row r="267" ht="12" customHeight="1" x14ac:dyDescent="0.2"/>
    <row r="268" ht="12" customHeight="1" x14ac:dyDescent="0.2"/>
    <row r="269" ht="12" customHeight="1" x14ac:dyDescent="0.2"/>
    <row r="270" ht="12" customHeight="1" x14ac:dyDescent="0.2"/>
    <row r="271" ht="12" customHeight="1" x14ac:dyDescent="0.2"/>
    <row r="272" ht="12" customHeight="1" x14ac:dyDescent="0.2"/>
    <row r="273" ht="12" customHeight="1" x14ac:dyDescent="0.2"/>
    <row r="274" ht="12" customHeight="1" x14ac:dyDescent="0.2"/>
    <row r="275" ht="12" customHeight="1" x14ac:dyDescent="0.2"/>
    <row r="276" ht="12" customHeight="1" x14ac:dyDescent="0.2"/>
    <row r="277" ht="12" customHeight="1" x14ac:dyDescent="0.2"/>
    <row r="278" ht="12" customHeight="1" x14ac:dyDescent="0.2"/>
    <row r="279" ht="12" customHeight="1" x14ac:dyDescent="0.2"/>
    <row r="280" ht="12" customHeight="1" x14ac:dyDescent="0.2"/>
    <row r="281" ht="12" customHeight="1" x14ac:dyDescent="0.2"/>
    <row r="282" ht="12" customHeight="1" x14ac:dyDescent="0.2"/>
    <row r="283" ht="12" customHeight="1" x14ac:dyDescent="0.2"/>
    <row r="284" ht="12" customHeight="1" x14ac:dyDescent="0.2"/>
    <row r="285" ht="12" customHeight="1" x14ac:dyDescent="0.2"/>
    <row r="286" ht="12" customHeight="1" x14ac:dyDescent="0.2"/>
    <row r="287" ht="12" customHeight="1" x14ac:dyDescent="0.2"/>
    <row r="288" ht="12" customHeight="1" x14ac:dyDescent="0.2"/>
    <row r="289" ht="12" customHeight="1" x14ac:dyDescent="0.2"/>
    <row r="290" ht="12" customHeight="1" x14ac:dyDescent="0.2"/>
    <row r="291" ht="12" customHeight="1" x14ac:dyDescent="0.2"/>
    <row r="292" ht="12" customHeight="1" x14ac:dyDescent="0.2"/>
    <row r="293" ht="12" customHeight="1" x14ac:dyDescent="0.2"/>
    <row r="294" ht="12" customHeight="1" x14ac:dyDescent="0.2"/>
    <row r="295" ht="12" customHeight="1" x14ac:dyDescent="0.2"/>
    <row r="296" ht="12" customHeight="1" x14ac:dyDescent="0.2"/>
    <row r="297" ht="12" customHeight="1" x14ac:dyDescent="0.2"/>
    <row r="298" ht="12" customHeight="1" x14ac:dyDescent="0.2"/>
    <row r="299" ht="12" customHeight="1" x14ac:dyDescent="0.2"/>
    <row r="300" ht="12" customHeight="1" x14ac:dyDescent="0.2"/>
    <row r="301" ht="12" customHeight="1" x14ac:dyDescent="0.2"/>
    <row r="302" ht="12" customHeight="1" x14ac:dyDescent="0.2"/>
    <row r="303" ht="12" customHeight="1" x14ac:dyDescent="0.2"/>
    <row r="304" ht="12" customHeight="1" x14ac:dyDescent="0.2"/>
    <row r="305" ht="12" customHeight="1" x14ac:dyDescent="0.2"/>
    <row r="306" ht="12" customHeight="1" x14ac:dyDescent="0.2"/>
    <row r="307" ht="12" customHeight="1" x14ac:dyDescent="0.2"/>
    <row r="308" ht="12" customHeight="1" x14ac:dyDescent="0.2"/>
    <row r="309" ht="12" customHeight="1" x14ac:dyDescent="0.2"/>
    <row r="310" ht="12" customHeight="1" x14ac:dyDescent="0.2"/>
    <row r="312" ht="12" customHeight="1" x14ac:dyDescent="0.2"/>
    <row r="313" ht="12" customHeight="1" x14ac:dyDescent="0.2"/>
    <row r="314" ht="12" customHeight="1" x14ac:dyDescent="0.2"/>
    <row r="315" ht="12" customHeight="1" x14ac:dyDescent="0.2"/>
    <row r="316" ht="12" customHeight="1" x14ac:dyDescent="0.2"/>
    <row r="317" ht="12" customHeight="1" x14ac:dyDescent="0.2"/>
    <row r="318" ht="12" customHeight="1" x14ac:dyDescent="0.2"/>
    <row r="319" ht="12" customHeight="1" x14ac:dyDescent="0.2"/>
    <row r="320" ht="12" customHeight="1" x14ac:dyDescent="0.2"/>
    <row r="321" ht="12" customHeight="1" x14ac:dyDescent="0.2"/>
    <row r="322" ht="12" customHeight="1" x14ac:dyDescent="0.2"/>
    <row r="323" ht="12" customHeight="1" x14ac:dyDescent="0.2"/>
    <row r="324" ht="12" customHeight="1" x14ac:dyDescent="0.2"/>
    <row r="325" ht="12" customHeight="1" x14ac:dyDescent="0.2"/>
    <row r="326" ht="12" customHeight="1" x14ac:dyDescent="0.2"/>
    <row r="327" ht="12" customHeight="1" x14ac:dyDescent="0.2"/>
    <row r="328" ht="12" customHeight="1" x14ac:dyDescent="0.2"/>
    <row r="329" ht="12" customHeight="1" x14ac:dyDescent="0.2"/>
    <row r="330" ht="12" customHeight="1" x14ac:dyDescent="0.2"/>
    <row r="331" ht="12" customHeight="1" x14ac:dyDescent="0.2"/>
    <row r="332" ht="12" customHeight="1" x14ac:dyDescent="0.2"/>
    <row r="333" ht="12" customHeight="1" x14ac:dyDescent="0.2"/>
    <row r="334" ht="12" customHeight="1" x14ac:dyDescent="0.2"/>
    <row r="335" ht="12" customHeight="1" x14ac:dyDescent="0.2"/>
    <row r="336" ht="12" customHeight="1" x14ac:dyDescent="0.2"/>
    <row r="337" ht="12" customHeight="1" x14ac:dyDescent="0.2"/>
    <row r="338" ht="12" customHeight="1" x14ac:dyDescent="0.2"/>
    <row r="339" ht="12" customHeight="1" x14ac:dyDescent="0.2"/>
    <row r="340" ht="12" customHeight="1" x14ac:dyDescent="0.2"/>
    <row r="341" ht="12" customHeight="1" x14ac:dyDescent="0.2"/>
    <row r="342" ht="12" customHeight="1" x14ac:dyDescent="0.2"/>
    <row r="343" ht="12" customHeight="1" x14ac:dyDescent="0.2"/>
    <row r="344" ht="12" customHeight="1" x14ac:dyDescent="0.2"/>
  </sheetData>
  <sheetProtection algorithmName="SHA-512" hashValue="tccGt9BoeKrj4vZMEjUSE9MBPSMMpoGpFBCj4jW1sUnMAbHOSNeJfw22dy8LdCyOC+JyzJeu3A4gBDGCl3bZCw==" saltValue="h2pbVi/hGQ6DUIuS8uDa9Q==" spinCount="100000" sheet="1" selectLockedCells="1"/>
  <protectedRanges>
    <protectedRange password="CC11" sqref="B8 S10 H10 G26 I26 N26 Q26 G33:T35 G32 R32 G27:T31 G14:T14 G25:T25 G54:T58 X40 R40 V40 G36:H38" name="範囲1"/>
    <protectedRange sqref="G45 Q45 G60:T60 G46:T49" name="範囲2"/>
    <protectedRange sqref="I72 M72 O81 I74 M74 I76 M76 I78 M78 I80:I81 M80:M81 R64:R65 Q81 S81 T71 Q71 R72 O73 T73 Q73 T75 Q75 T77 Q77 T79 Q79 G81 O75 O77 O79 O71 R61 R74 R76 R78 R80" name="範囲3"/>
    <protectedRange sqref="L26 I26:J26 E11:AJ11 E1:U8 T103:U1048576 A102:S1048576 B20:C22 E9:AJ9 T21:X22 S71:U71 N72:U72 N73:Q73 S73:U73 S75:U75 S77:U77 S79:U79 X72 J21:R22 F10:N10 P10:AJ10 N75:Q75 N77:Q77 N79:Q79 N71:Q71 A66:M80 Z79:AA79 Z71:AA71 X74 Z73:AA73 X76 Z75:AA75 X78 Z77:AA77 X80 N66:U70 A33:A35 I25:M25 V12 C96:E96 B12:T12 G96:T96 U34:U35 O64:P65 A61:L65 M61:T61 O62:O63 Q62:T65 U40:AA40 N74:U74 N76:U76 N78:U78 N80:U80 A1:D11 A14:D14 G13:T13 B97:U101 E14:U16 A15:A22 R20:X20 C15:C16 C13:E13 A13 B17:U19 E20:G22 A23:U24 I27:M31 B25:B30 C25:H31 A25:A31 A36:U39 O52:O53 N25:T31 U25:U32 A32:T32 C33:T35 Q52:T53 P40:S40 M40:N40 S42 T41:T42 Q41:R42 A40:L42 A52:L53 A54:U60 O41:O42 A96:A101 A81:U95 A43:T51 U43:U44 U46:U51" name="範囲4"/>
  </protectedRanges>
  <mergeCells count="203">
    <mergeCell ref="B36:F38"/>
    <mergeCell ref="G38:H38"/>
    <mergeCell ref="I38:T38"/>
    <mergeCell ref="A34:M34"/>
    <mergeCell ref="U30:AF32"/>
    <mergeCell ref="B39:F39"/>
    <mergeCell ref="U39:AF39"/>
    <mergeCell ref="B40:F40"/>
    <mergeCell ref="N40:O40"/>
    <mergeCell ref="S40:T40"/>
    <mergeCell ref="U40:AF41"/>
    <mergeCell ref="V75:V76"/>
    <mergeCell ref="C55:F55"/>
    <mergeCell ref="B14:D14"/>
    <mergeCell ref="E14:T14"/>
    <mergeCell ref="B19:G19"/>
    <mergeCell ref="H20:Q20"/>
    <mergeCell ref="B73:B80"/>
    <mergeCell ref="C56:F56"/>
    <mergeCell ref="G56:T56"/>
    <mergeCell ref="B46:F46"/>
    <mergeCell ref="G46:T46"/>
    <mergeCell ref="C32:F32"/>
    <mergeCell ref="G32:M32"/>
    <mergeCell ref="N32:Q32"/>
    <mergeCell ref="R32:T32"/>
    <mergeCell ref="B30:B33"/>
    <mergeCell ref="C30:O30"/>
    <mergeCell ref="P30:T30"/>
    <mergeCell ref="G36:H36"/>
    <mergeCell ref="I36:T36"/>
    <mergeCell ref="B45:F45"/>
    <mergeCell ref="A43:N43"/>
    <mergeCell ref="N71:P71"/>
    <mergeCell ref="D79:E79"/>
    <mergeCell ref="V71:V72"/>
    <mergeCell ref="N74:P74"/>
    <mergeCell ref="C77:C78"/>
    <mergeCell ref="D71:E71"/>
    <mergeCell ref="P10:R10"/>
    <mergeCell ref="N80:P80"/>
    <mergeCell ref="F79:M79"/>
    <mergeCell ref="B68:AE68"/>
    <mergeCell ref="V79:V80"/>
    <mergeCell ref="G45:T45"/>
    <mergeCell ref="C33:F33"/>
    <mergeCell ref="G33:T33"/>
    <mergeCell ref="G49:T49"/>
    <mergeCell ref="B48:F48"/>
    <mergeCell ref="N77:P77"/>
    <mergeCell ref="D78:E78"/>
    <mergeCell ref="G48:T48"/>
    <mergeCell ref="G54:T54"/>
    <mergeCell ref="D10:G10"/>
    <mergeCell ref="H10:I10"/>
    <mergeCell ref="K10:L10"/>
    <mergeCell ref="G26:H26"/>
    <mergeCell ref="X77:AB77"/>
    <mergeCell ref="AC77:AE77"/>
    <mergeCell ref="B8:Q8"/>
    <mergeCell ref="N26:O26"/>
    <mergeCell ref="Q26:R26"/>
    <mergeCell ref="B28:F29"/>
    <mergeCell ref="B25:F25"/>
    <mergeCell ref="G25:T25"/>
    <mergeCell ref="G27:T27"/>
    <mergeCell ref="B54:B57"/>
    <mergeCell ref="C54:F54"/>
    <mergeCell ref="S10:V10"/>
    <mergeCell ref="C31:F31"/>
    <mergeCell ref="U36:AF37"/>
    <mergeCell ref="I37:T37"/>
    <mergeCell ref="G31:T31"/>
    <mergeCell ref="I26:K26"/>
    <mergeCell ref="G37:H37"/>
    <mergeCell ref="G55:T55"/>
    <mergeCell ref="C57:F57"/>
    <mergeCell ref="G57:T57"/>
    <mergeCell ref="B26:F26"/>
    <mergeCell ref="S26:T26"/>
    <mergeCell ref="B27:F27"/>
    <mergeCell ref="G28:T29"/>
    <mergeCell ref="L26:M26"/>
    <mergeCell ref="E13:F13"/>
    <mergeCell ref="P13:T13"/>
    <mergeCell ref="H21:I21"/>
    <mergeCell ref="D75:E75"/>
    <mergeCell ref="F75:M75"/>
    <mergeCell ref="D77:E77"/>
    <mergeCell ref="F77:M77"/>
    <mergeCell ref="C73:C74"/>
    <mergeCell ref="M21:N21"/>
    <mergeCell ref="E15:T15"/>
    <mergeCell ref="N73:P73"/>
    <mergeCell ref="B61:Q61"/>
    <mergeCell ref="R61:T61"/>
    <mergeCell ref="B47:F47"/>
    <mergeCell ref="G47:T47"/>
    <mergeCell ref="B49:F49"/>
    <mergeCell ref="B62:Q62"/>
    <mergeCell ref="B63:Q63"/>
    <mergeCell ref="R63:T63"/>
    <mergeCell ref="B64:Q64"/>
    <mergeCell ref="R64:T64"/>
    <mergeCell ref="B41:F41"/>
    <mergeCell ref="B42:F42"/>
    <mergeCell ref="G41:T41"/>
    <mergeCell ref="F80:G80"/>
    <mergeCell ref="D74:E74"/>
    <mergeCell ref="D76:E76"/>
    <mergeCell ref="D80:E80"/>
    <mergeCell ref="N78:P78"/>
    <mergeCell ref="B21:G21"/>
    <mergeCell ref="Q73:U73"/>
    <mergeCell ref="F71:M71"/>
    <mergeCell ref="D73:E73"/>
    <mergeCell ref="F73:M73"/>
    <mergeCell ref="D72:E72"/>
    <mergeCell ref="C75:C76"/>
    <mergeCell ref="B71:C72"/>
    <mergeCell ref="N76:P76"/>
    <mergeCell ref="J21:K21"/>
    <mergeCell ref="Q79:U79"/>
    <mergeCell ref="U61:AF61"/>
    <mergeCell ref="U63:AF63"/>
    <mergeCell ref="U64:AF64"/>
    <mergeCell ref="G42:T42"/>
    <mergeCell ref="V55:AF56"/>
    <mergeCell ref="A59:H59"/>
    <mergeCell ref="A52:F52"/>
    <mergeCell ref="R62:T62"/>
    <mergeCell ref="A6:V6"/>
    <mergeCell ref="H19:Q19"/>
    <mergeCell ref="B20:G20"/>
    <mergeCell ref="J13:K13"/>
    <mergeCell ref="M13:N13"/>
    <mergeCell ref="B15:D15"/>
    <mergeCell ref="B13:D13"/>
    <mergeCell ref="B97:T100"/>
    <mergeCell ref="G13:H13"/>
    <mergeCell ref="A84:F84"/>
    <mergeCell ref="B86:AB86"/>
    <mergeCell ref="W79:W80"/>
    <mergeCell ref="X79:AB79"/>
    <mergeCell ref="V77:V78"/>
    <mergeCell ref="C79:C80"/>
    <mergeCell ref="Q78:U78"/>
    <mergeCell ref="F72:G72"/>
    <mergeCell ref="F74:G74"/>
    <mergeCell ref="F76:G76"/>
    <mergeCell ref="X78:AB78"/>
    <mergeCell ref="N79:P79"/>
    <mergeCell ref="Q80:U80"/>
    <mergeCell ref="N75:P75"/>
    <mergeCell ref="X80:AB80"/>
    <mergeCell ref="B95:AB95"/>
    <mergeCell ref="B90:AB90"/>
    <mergeCell ref="B91:AB91"/>
    <mergeCell ref="AC93:AE93"/>
    <mergeCell ref="AC94:AE94"/>
    <mergeCell ref="AC95:AE95"/>
    <mergeCell ref="W10:AF10"/>
    <mergeCell ref="AF73:AY73"/>
    <mergeCell ref="AF74:AY74"/>
    <mergeCell ref="AF75:AY75"/>
    <mergeCell ref="AC71:AE71"/>
    <mergeCell ref="X72:AB72"/>
    <mergeCell ref="AC72:AE72"/>
    <mergeCell ref="AC86:AE86"/>
    <mergeCell ref="AC79:AE79"/>
    <mergeCell ref="AC76:AE76"/>
    <mergeCell ref="AC80:AE80"/>
    <mergeCell ref="N72:P72"/>
    <mergeCell ref="AC78:AE78"/>
    <mergeCell ref="V73:V74"/>
    <mergeCell ref="Q71:U71"/>
    <mergeCell ref="Q72:U72"/>
    <mergeCell ref="X76:AB76"/>
    <mergeCell ref="Q75:U75"/>
    <mergeCell ref="AF90:AT91"/>
    <mergeCell ref="G39:T39"/>
    <mergeCell ref="G40:I40"/>
    <mergeCell ref="K40:M40"/>
    <mergeCell ref="P40:R40"/>
    <mergeCell ref="AC90:AE92"/>
    <mergeCell ref="B92:AB92"/>
    <mergeCell ref="B93:AB93"/>
    <mergeCell ref="B94:AB94"/>
    <mergeCell ref="Q76:U76"/>
    <mergeCell ref="Q77:U77"/>
    <mergeCell ref="W75:W76"/>
    <mergeCell ref="X75:AB75"/>
    <mergeCell ref="AC75:AE75"/>
    <mergeCell ref="Q74:U74"/>
    <mergeCell ref="W73:W74"/>
    <mergeCell ref="X73:AB73"/>
    <mergeCell ref="AC73:AE73"/>
    <mergeCell ref="X74:AB74"/>
    <mergeCell ref="AC74:AE74"/>
    <mergeCell ref="W71:W72"/>
    <mergeCell ref="X71:AB71"/>
    <mergeCell ref="W77:W78"/>
    <mergeCell ref="F78:G78"/>
  </mergeCells>
  <phoneticPr fontId="2" type="Hiragana"/>
  <conditionalFormatting sqref="G31:T31 G32:M32 R32:T32 G33:T33 N34:T35">
    <cfRule type="expression" dxfId="4" priority="4">
      <formula>$P$30="はい"</formula>
    </cfRule>
  </conditionalFormatting>
  <conditionalFormatting sqref="R62 R63:T65">
    <cfRule type="expression" dxfId="3" priority="5">
      <formula>#REF!="なし"</formula>
    </cfRule>
  </conditionalFormatting>
  <dataValidations count="15">
    <dataValidation type="list" allowBlank="1" showInputMessage="1" showErrorMessage="1" sqref="B8:Q8" xr:uid="{00000000-0002-0000-0000-000001000000}">
      <formula1>$V$8:$X$8</formula1>
    </dataValidation>
    <dataValidation type="list" allowBlank="1" showInputMessage="1" showErrorMessage="1" sqref="G54:T58" xr:uid="{00000000-0002-0000-0000-000002000000}">
      <formula1>"はい"</formula1>
    </dataValidation>
    <dataValidation type="list" allowBlank="1" showDropDown="1" showInputMessage="1" showErrorMessage="1" sqref="R8:T8" xr:uid="{00000000-0002-0000-0000-000003000000}">
      <formula1>$V$8:$W$8</formula1>
    </dataValidation>
    <dataValidation type="list" allowBlank="1" showInputMessage="1" showErrorMessage="1" sqref="AC71:AE71" xr:uid="{00000000-0002-0000-0000-000004000000}">
      <formula1>$AH$71</formula1>
    </dataValidation>
    <dataValidation type="list" allowBlank="1" showInputMessage="1" showErrorMessage="1" sqref="AC73:AE73 AC75:AE75 AC77:AE77 AC79:AE79" xr:uid="{00000000-0002-0000-0000-000005000000}">
      <formula1>$AG$71:$AH$71</formula1>
    </dataValidation>
    <dataValidation type="list" allowBlank="1" showInputMessage="1" showErrorMessage="1" sqref="P30:T30" xr:uid="{00000000-0002-0000-0000-000008000000}">
      <formula1>"国民健康保険,国民健康保険組合,後期高齢者医療制度,社会保険,生活保護"</formula1>
    </dataValidation>
    <dataValidation type="list" allowBlank="1" showInputMessage="1" showErrorMessage="1" sqref="G26:H26 F80:G80 F78:G78 F76:G76 F74:G74" xr:uid="{00000000-0002-0000-0000-000009000000}">
      <formula1>$AG$72:$AK$72</formula1>
    </dataValidation>
    <dataValidation type="list" allowBlank="1" showInputMessage="1" showErrorMessage="1" sqref="R61:T61" xr:uid="{00000000-0002-0000-0000-00000A000000}">
      <formula1>$AG$61:$AG$64</formula1>
    </dataValidation>
    <dataValidation type="list" allowBlank="1" showInputMessage="1" showErrorMessage="1" sqref="R64:T65" xr:uid="{00000000-0002-0000-0000-00000B000000}">
      <formula1>$AH$61:$AH$64</formula1>
    </dataValidation>
    <dataValidation type="textLength" allowBlank="1" showInputMessage="1" showErrorMessage="1" errorTitle="マイナンバー入力エラー" error="マイナンバーは12ケタです。_x000a_[キャンセル]をクリックし、正しく再入力してください。" sqref="Q72:U72 Q74:U74 Q76:U76 Q78:U78 Q80:U80" xr:uid="{00000000-0002-0000-0000-00000D000000}">
      <formula1>12</formula1>
      <formula2>12</formula2>
    </dataValidation>
    <dataValidation type="list" allowBlank="1" showInputMessage="1" showErrorMessage="1" sqref="R32:T32" xr:uid="{00000000-0002-0000-0000-000007000000}">
      <formula1>"本人,本人以外"</formula1>
    </dataValidation>
    <dataValidation type="list" allowBlank="1" showInputMessage="1" showErrorMessage="1" sqref="G41:T41" xr:uid="{2C6EFE12-BC43-441B-BA16-D8DAD6F68782}">
      <formula1>"臨床調査個人票の受領に時間を要したため,症状の悪化等により、申請書類の準備や提出に時間を要したため,大規模災害に被災したこと等により、申請書類の準備や提出に時間を要したため,その他"</formula1>
    </dataValidation>
    <dataValidation type="list" allowBlank="1" showInputMessage="1" showErrorMessage="1" sqref="AC86:AE87" xr:uid="{8998AF7D-C9A8-4F47-8A61-A9D123F5C0D7}">
      <formula1>"希望しない"</formula1>
    </dataValidation>
    <dataValidation type="list" allowBlank="1" showInputMessage="1" showErrorMessage="1" sqref="AC93:AE95" xr:uid="{36AF0DF3-2459-42B6-A61A-13B6E588B668}">
      <formula1>"同意しない"</formula1>
    </dataValidation>
    <dataValidation type="list" allowBlank="1" showInputMessage="1" showErrorMessage="1" sqref="F72:G72" xr:uid="{87C5EEFF-AFC6-4D09-86FE-DFE9B1F5A13E}">
      <formula1>"明治,大正,昭和,平成,令和"</formula1>
    </dataValidation>
  </dataValidations>
  <printOptions horizontalCentered="1"/>
  <pageMargins left="0.59055118110236227" right="0.59055118110236227" top="0.43307086614173229" bottom="0.33" header="0.31496062992125984" footer="0.21"/>
  <pageSetup paperSize="9" fitToHeight="0" orientation="portrait" r:id="rId1"/>
  <rowBreaks count="4" manualBreakCount="4">
    <brk id="65" max="20" man="1"/>
    <brk id="158" max="16383" man="1"/>
    <brk id="218" max="16383" man="1"/>
    <brk id="278"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pageSetUpPr fitToPage="1"/>
  </sheetPr>
  <dimension ref="A1:CA77"/>
  <sheetViews>
    <sheetView showZeros="0" view="pageBreakPreview" zoomScale="70" zoomScaleNormal="100" zoomScaleSheetLayoutView="70" workbookViewId="0">
      <selection activeCell="A6" sqref="A6:XFD6"/>
    </sheetView>
  </sheetViews>
  <sheetFormatPr defaultColWidth="2.75" defaultRowHeight="12" x14ac:dyDescent="0.2"/>
  <cols>
    <col min="1" max="1" width="2.75" style="51" customWidth="1"/>
    <col min="2" max="2" width="3.4140625" style="51" customWidth="1"/>
    <col min="3" max="4" width="2.75" style="51" customWidth="1"/>
    <col min="5" max="5" width="2.75" style="51"/>
    <col min="6" max="6" width="2.75" style="51" customWidth="1"/>
    <col min="7" max="10" width="2.75" style="51"/>
    <col min="11" max="38" width="2.75" style="51" customWidth="1"/>
    <col min="39" max="39" width="1.25" style="51" customWidth="1"/>
    <col min="40" max="42" width="2.75" style="51"/>
    <col min="43" max="44" width="2.83203125" style="51" customWidth="1"/>
    <col min="45" max="45" width="3" style="51" bestFit="1" customWidth="1"/>
    <col min="46" max="49" width="2.75" style="51"/>
    <col min="50" max="51" width="2.83203125" style="51" customWidth="1"/>
    <col min="52" max="57" width="2.75" style="51"/>
    <col min="58" max="59" width="3" style="51" customWidth="1"/>
    <col min="60" max="74" width="2.75" style="51"/>
    <col min="75" max="76" width="2.75" style="51" customWidth="1"/>
    <col min="77" max="77" width="1.75" style="5" customWidth="1"/>
    <col min="78" max="78" width="2.75" style="2" customWidth="1"/>
    <col min="79" max="16384" width="2.75" style="2"/>
  </cols>
  <sheetData>
    <row r="1" spans="1:77" ht="30" customHeight="1" x14ac:dyDescent="0.2">
      <c r="A1" s="403" t="s">
        <v>487</v>
      </c>
      <c r="B1" s="403"/>
      <c r="C1" s="403"/>
      <c r="D1" s="403"/>
      <c r="E1" s="403"/>
      <c r="F1" s="403"/>
      <c r="G1" s="403"/>
      <c r="H1" s="403"/>
      <c r="I1" s="403"/>
      <c r="J1" s="403"/>
      <c r="K1" s="403"/>
      <c r="L1" s="403"/>
      <c r="M1" s="403"/>
      <c r="N1" s="403"/>
      <c r="O1" s="403"/>
      <c r="P1" s="403"/>
      <c r="Q1" s="403"/>
      <c r="R1" s="403"/>
      <c r="S1" s="403"/>
      <c r="T1" s="403"/>
      <c r="U1" s="403"/>
      <c r="V1" s="403"/>
      <c r="W1" s="403"/>
      <c r="X1" s="403"/>
      <c r="Y1" s="403"/>
      <c r="Z1" s="403"/>
      <c r="AA1" s="403"/>
      <c r="AB1" s="403"/>
      <c r="AC1" s="403"/>
      <c r="AD1" s="403"/>
      <c r="AE1" s="403"/>
      <c r="AF1" s="403"/>
      <c r="AG1" s="403"/>
      <c r="AH1" s="403"/>
      <c r="AI1" s="403"/>
      <c r="AJ1" s="403"/>
      <c r="AK1" s="403"/>
      <c r="AL1" s="403"/>
      <c r="AM1" s="333" t="s">
        <v>518</v>
      </c>
      <c r="AN1" s="333"/>
      <c r="AO1" s="333"/>
      <c r="AP1" s="333"/>
      <c r="AQ1" s="333"/>
      <c r="AR1" s="333"/>
      <c r="AS1" s="333"/>
      <c r="AT1" s="333"/>
      <c r="AU1" s="333"/>
      <c r="AV1" s="333"/>
      <c r="AW1" s="333"/>
      <c r="AX1" s="333"/>
      <c r="AY1" s="333"/>
      <c r="AZ1" s="333"/>
      <c r="BA1" s="333"/>
      <c r="BB1" s="333"/>
      <c r="BC1" s="333"/>
      <c r="BD1" s="333"/>
      <c r="BE1" s="333"/>
      <c r="BF1" s="333"/>
      <c r="BG1" s="333"/>
      <c r="BH1" s="333"/>
      <c r="BI1" s="333"/>
      <c r="BJ1" s="333"/>
      <c r="BK1" s="333"/>
      <c r="BL1" s="333"/>
      <c r="BM1" s="333"/>
      <c r="BN1" s="333"/>
      <c r="BO1" s="333"/>
      <c r="BP1" s="333"/>
      <c r="BQ1" s="333"/>
      <c r="BR1" s="333"/>
      <c r="BS1" s="333"/>
      <c r="BT1" s="333"/>
      <c r="BU1" s="333"/>
      <c r="BV1" s="333"/>
      <c r="BW1" s="333"/>
      <c r="BX1" s="333"/>
    </row>
    <row r="2" spans="1:77" ht="8" customHeight="1" x14ac:dyDescent="0.2">
      <c r="A2" s="403"/>
      <c r="B2" s="403"/>
      <c r="C2" s="403"/>
      <c r="D2" s="403"/>
      <c r="E2" s="403"/>
      <c r="F2" s="403"/>
      <c r="G2" s="403"/>
      <c r="H2" s="403"/>
      <c r="I2" s="403"/>
      <c r="J2" s="403"/>
      <c r="K2" s="403"/>
      <c r="L2" s="403"/>
      <c r="M2" s="403"/>
      <c r="N2" s="403"/>
      <c r="O2" s="403"/>
      <c r="P2" s="403"/>
      <c r="Q2" s="403"/>
      <c r="R2" s="403"/>
      <c r="S2" s="403"/>
      <c r="T2" s="403"/>
      <c r="U2" s="403"/>
      <c r="V2" s="403"/>
      <c r="W2" s="403"/>
      <c r="X2" s="403"/>
      <c r="Y2" s="403"/>
      <c r="Z2" s="403"/>
      <c r="AA2" s="403"/>
      <c r="AB2" s="403"/>
      <c r="AC2" s="403"/>
      <c r="AD2" s="403"/>
      <c r="AE2" s="403"/>
      <c r="AF2" s="403"/>
      <c r="AG2" s="403"/>
      <c r="AH2" s="403"/>
      <c r="AI2" s="403"/>
      <c r="AJ2" s="403"/>
      <c r="AK2" s="403"/>
      <c r="AL2" s="403"/>
      <c r="AM2" s="333"/>
      <c r="AN2" s="333"/>
      <c r="AO2" s="333"/>
      <c r="AP2" s="333"/>
      <c r="AQ2" s="333"/>
      <c r="AR2" s="333"/>
      <c r="AS2" s="333"/>
      <c r="AT2" s="333"/>
      <c r="AU2" s="333"/>
      <c r="AV2" s="333"/>
      <c r="AW2" s="333"/>
      <c r="AX2" s="333"/>
      <c r="AY2" s="333"/>
      <c r="AZ2" s="333"/>
      <c r="BA2" s="333"/>
      <c r="BB2" s="333"/>
      <c r="BC2" s="333"/>
      <c r="BD2" s="333"/>
      <c r="BE2" s="333"/>
      <c r="BF2" s="333"/>
      <c r="BG2" s="333"/>
      <c r="BH2" s="333"/>
      <c r="BI2" s="333"/>
      <c r="BJ2" s="333"/>
      <c r="BK2" s="333"/>
      <c r="BL2" s="333"/>
      <c r="BM2" s="333"/>
      <c r="BN2" s="333"/>
      <c r="BO2" s="333"/>
      <c r="BP2" s="333"/>
      <c r="BQ2" s="333"/>
      <c r="BR2" s="333"/>
      <c r="BS2" s="333"/>
      <c r="BT2" s="333"/>
      <c r="BU2" s="333"/>
      <c r="BV2" s="333"/>
      <c r="BW2" s="333"/>
      <c r="BX2" s="333"/>
    </row>
    <row r="3" spans="1:77" ht="23.25" customHeight="1" x14ac:dyDescent="0.2">
      <c r="A3" s="334" t="s">
        <v>488</v>
      </c>
      <c r="B3" s="334"/>
      <c r="C3" s="335" t="s">
        <v>489</v>
      </c>
      <c r="D3" s="335"/>
      <c r="E3" s="335"/>
      <c r="F3" s="335"/>
      <c r="G3" s="260">
        <f>入力してください!H10</f>
        <v>0</v>
      </c>
      <c r="H3" s="259"/>
      <c r="I3" s="259"/>
      <c r="J3" s="259"/>
      <c r="K3" s="336" t="s">
        <v>490</v>
      </c>
      <c r="L3" s="336"/>
      <c r="M3" s="260">
        <f>入力してください!K10</f>
        <v>0</v>
      </c>
      <c r="N3" s="259"/>
      <c r="O3" s="259"/>
      <c r="P3" s="259"/>
      <c r="Q3" s="404" t="s">
        <v>491</v>
      </c>
      <c r="R3" s="404"/>
      <c r="S3" s="404"/>
      <c r="T3" s="334" t="s">
        <v>186</v>
      </c>
      <c r="U3" s="334"/>
      <c r="V3" s="334"/>
      <c r="W3" s="334"/>
      <c r="X3" s="334"/>
      <c r="Y3" s="236">
        <f>入力してください!S10</f>
        <v>0</v>
      </c>
      <c r="Z3" s="237"/>
      <c r="AA3" s="237"/>
      <c r="AB3" s="237"/>
      <c r="AC3" s="237"/>
      <c r="AD3" s="237"/>
      <c r="AE3" s="237"/>
      <c r="AF3" s="237"/>
      <c r="AG3" s="237"/>
      <c r="AH3" s="237"/>
      <c r="AI3" s="237"/>
      <c r="AJ3" s="237"/>
      <c r="AK3" s="237"/>
      <c r="AL3" s="238"/>
      <c r="AM3" s="420" t="s">
        <v>575</v>
      </c>
      <c r="AN3" s="421"/>
      <c r="AO3" s="421"/>
      <c r="AP3" s="421"/>
      <c r="AQ3" s="421"/>
      <c r="AR3" s="421"/>
      <c r="AS3" s="421"/>
      <c r="AT3" s="421"/>
      <c r="AU3" s="421"/>
      <c r="AV3" s="421"/>
      <c r="AW3" s="421"/>
      <c r="AX3" s="421"/>
      <c r="AY3" s="421"/>
      <c r="AZ3" s="421"/>
      <c r="BA3" s="421"/>
      <c r="BB3" s="421"/>
      <c r="BC3" s="421"/>
      <c r="BD3" s="421"/>
      <c r="BE3" s="421"/>
      <c r="BF3" s="421"/>
      <c r="BG3" s="421"/>
      <c r="BH3" s="421"/>
      <c r="BI3" s="421"/>
      <c r="BJ3" s="421"/>
      <c r="BK3" s="421"/>
      <c r="BL3" s="421"/>
      <c r="BM3" s="421"/>
      <c r="BN3" s="421"/>
      <c r="BO3" s="421"/>
      <c r="BP3" s="421"/>
      <c r="BQ3" s="421"/>
      <c r="BR3" s="421"/>
      <c r="BS3" s="421"/>
      <c r="BT3" s="421"/>
      <c r="BU3" s="421"/>
      <c r="BV3" s="421"/>
      <c r="BW3" s="421"/>
      <c r="BX3" s="421"/>
    </row>
    <row r="4" spans="1:77" s="3" customFormat="1" ht="12.5" customHeight="1" x14ac:dyDescent="0.2">
      <c r="A4" s="334"/>
      <c r="B4" s="334"/>
      <c r="C4" s="335"/>
      <c r="D4" s="335"/>
      <c r="E4" s="335"/>
      <c r="F4" s="335"/>
      <c r="G4" s="259"/>
      <c r="H4" s="259"/>
      <c r="I4" s="259"/>
      <c r="J4" s="259"/>
      <c r="K4" s="336"/>
      <c r="L4" s="336"/>
      <c r="M4" s="259"/>
      <c r="N4" s="259"/>
      <c r="O4" s="259"/>
      <c r="P4" s="259"/>
      <c r="Q4" s="404"/>
      <c r="R4" s="404"/>
      <c r="S4" s="404"/>
      <c r="T4" s="334"/>
      <c r="U4" s="334"/>
      <c r="V4" s="334"/>
      <c r="W4" s="334"/>
      <c r="X4" s="334"/>
      <c r="Y4" s="239"/>
      <c r="Z4" s="240"/>
      <c r="AA4" s="240"/>
      <c r="AB4" s="240"/>
      <c r="AC4" s="240"/>
      <c r="AD4" s="240"/>
      <c r="AE4" s="240"/>
      <c r="AF4" s="240"/>
      <c r="AG4" s="240"/>
      <c r="AH4" s="240"/>
      <c r="AI4" s="240"/>
      <c r="AJ4" s="240"/>
      <c r="AK4" s="240"/>
      <c r="AL4" s="241"/>
      <c r="AM4" s="421"/>
      <c r="AN4" s="421"/>
      <c r="AO4" s="421"/>
      <c r="AP4" s="421"/>
      <c r="AQ4" s="421"/>
      <c r="AR4" s="421"/>
      <c r="AS4" s="421"/>
      <c r="AT4" s="421"/>
      <c r="AU4" s="421"/>
      <c r="AV4" s="421"/>
      <c r="AW4" s="421"/>
      <c r="AX4" s="421"/>
      <c r="AY4" s="421"/>
      <c r="AZ4" s="421"/>
      <c r="BA4" s="421"/>
      <c r="BB4" s="421"/>
      <c r="BC4" s="421"/>
      <c r="BD4" s="421"/>
      <c r="BE4" s="421"/>
      <c r="BF4" s="421"/>
      <c r="BG4" s="421"/>
      <c r="BH4" s="421"/>
      <c r="BI4" s="421"/>
      <c r="BJ4" s="421"/>
      <c r="BK4" s="421"/>
      <c r="BL4" s="421"/>
      <c r="BM4" s="421"/>
      <c r="BN4" s="421"/>
      <c r="BO4" s="421"/>
      <c r="BP4" s="421"/>
      <c r="BQ4" s="421"/>
      <c r="BR4" s="421"/>
      <c r="BS4" s="421"/>
      <c r="BT4" s="421"/>
      <c r="BU4" s="421"/>
      <c r="BV4" s="421"/>
      <c r="BW4" s="421"/>
      <c r="BX4" s="421"/>
    </row>
    <row r="5" spans="1:77" s="3" customFormat="1" ht="44.5" customHeight="1" x14ac:dyDescent="0.2">
      <c r="A5" s="665" t="s">
        <v>559</v>
      </c>
      <c r="B5" s="666"/>
      <c r="C5" s="666"/>
      <c r="D5" s="666"/>
      <c r="E5" s="666"/>
      <c r="F5" s="666"/>
      <c r="G5" s="666"/>
      <c r="H5" s="666"/>
      <c r="I5" s="666"/>
      <c r="J5" s="666"/>
      <c r="K5" s="666"/>
      <c r="L5" s="666"/>
      <c r="M5" s="666"/>
      <c r="N5" s="666"/>
      <c r="O5" s="666"/>
      <c r="P5" s="666"/>
      <c r="Q5" s="337"/>
      <c r="R5" s="337"/>
      <c r="S5" s="337"/>
      <c r="T5" s="337"/>
      <c r="U5" s="337"/>
      <c r="V5" s="337"/>
      <c r="W5" s="337"/>
      <c r="X5" s="337"/>
      <c r="Y5" s="337"/>
      <c r="Z5" s="337"/>
      <c r="AA5" s="337"/>
      <c r="AB5" s="337"/>
      <c r="AC5" s="337"/>
      <c r="AD5" s="337"/>
      <c r="AE5" s="337"/>
      <c r="AF5" s="337"/>
      <c r="AG5" s="337"/>
      <c r="AH5" s="337"/>
      <c r="AI5" s="337"/>
      <c r="AJ5" s="337"/>
      <c r="AK5" s="337"/>
      <c r="AL5" s="338"/>
      <c r="AM5" s="421"/>
      <c r="AN5" s="421"/>
      <c r="AO5" s="421"/>
      <c r="AP5" s="421"/>
      <c r="AQ5" s="421"/>
      <c r="AR5" s="421"/>
      <c r="AS5" s="421"/>
      <c r="AT5" s="421"/>
      <c r="AU5" s="421"/>
      <c r="AV5" s="421"/>
      <c r="AW5" s="421"/>
      <c r="AX5" s="421"/>
      <c r="AY5" s="421"/>
      <c r="AZ5" s="421"/>
      <c r="BA5" s="421"/>
      <c r="BB5" s="421"/>
      <c r="BC5" s="421"/>
      <c r="BD5" s="421"/>
      <c r="BE5" s="421"/>
      <c r="BF5" s="421"/>
      <c r="BG5" s="421"/>
      <c r="BH5" s="421"/>
      <c r="BI5" s="421"/>
      <c r="BJ5" s="421"/>
      <c r="BK5" s="421"/>
      <c r="BL5" s="421"/>
      <c r="BM5" s="421"/>
      <c r="BN5" s="421"/>
      <c r="BO5" s="421"/>
      <c r="BP5" s="421"/>
      <c r="BQ5" s="421"/>
      <c r="BR5" s="421"/>
      <c r="BS5" s="421"/>
      <c r="BT5" s="421"/>
      <c r="BU5" s="421"/>
      <c r="BV5" s="421"/>
      <c r="BW5" s="421"/>
      <c r="BX5" s="421"/>
    </row>
    <row r="6" spans="1:77" s="3" customFormat="1" ht="24.5" customHeight="1" x14ac:dyDescent="0.2">
      <c r="A6" s="339" t="s">
        <v>560</v>
      </c>
      <c r="B6" s="39"/>
      <c r="C6" s="39"/>
      <c r="D6" s="13"/>
      <c r="E6" s="13"/>
      <c r="F6" s="13"/>
      <c r="G6" s="42"/>
      <c r="H6" s="42"/>
      <c r="I6" s="42"/>
      <c r="J6" s="42"/>
      <c r="K6" s="42"/>
      <c r="L6" s="42"/>
      <c r="M6" s="13"/>
      <c r="N6" s="13"/>
      <c r="O6" s="42"/>
      <c r="P6" s="42"/>
      <c r="Q6" s="667" t="s">
        <v>565</v>
      </c>
      <c r="R6" s="668"/>
      <c r="S6" s="668"/>
      <c r="T6" s="668"/>
      <c r="U6" s="669"/>
      <c r="V6" s="271">
        <f>入力してください!E14</f>
        <v>0</v>
      </c>
      <c r="W6" s="272"/>
      <c r="X6" s="272"/>
      <c r="Y6" s="272"/>
      <c r="Z6" s="272"/>
      <c r="AA6" s="272"/>
      <c r="AB6" s="273"/>
      <c r="AC6" s="57" t="s">
        <v>566</v>
      </c>
      <c r="AD6" s="242">
        <f>入力してください!G13</f>
        <v>0</v>
      </c>
      <c r="AE6" s="242"/>
      <c r="AF6" s="42" t="s">
        <v>129</v>
      </c>
      <c r="AG6" s="242">
        <f>入力してください!J13</f>
        <v>0</v>
      </c>
      <c r="AH6" s="242"/>
      <c r="AI6" s="42" t="s">
        <v>567</v>
      </c>
      <c r="AJ6" s="242">
        <f>入力してください!M13</f>
        <v>0</v>
      </c>
      <c r="AK6" s="242"/>
      <c r="AL6" s="42" t="s">
        <v>130</v>
      </c>
      <c r="AM6" s="333" t="s">
        <v>126</v>
      </c>
      <c r="AN6" s="333"/>
      <c r="AO6" s="333"/>
      <c r="AP6" s="333"/>
      <c r="AQ6" s="333"/>
      <c r="AR6" s="333"/>
      <c r="AS6" s="333"/>
      <c r="AT6" s="333"/>
      <c r="AU6" s="333"/>
      <c r="AV6" s="333"/>
      <c r="AW6" s="333"/>
      <c r="AX6" s="333"/>
      <c r="AY6" s="333"/>
      <c r="AZ6" s="333"/>
      <c r="BA6" s="333"/>
      <c r="BB6" s="333"/>
      <c r="BC6" s="333" t="s">
        <v>151</v>
      </c>
      <c r="BD6" s="333"/>
      <c r="BE6" s="333"/>
      <c r="BF6" s="333"/>
      <c r="BG6" s="333"/>
      <c r="BH6" s="255" t="s">
        <v>527</v>
      </c>
      <c r="BI6" s="255"/>
      <c r="BJ6" s="333" t="s">
        <v>520</v>
      </c>
      <c r="BK6" s="333"/>
      <c r="BL6" s="333"/>
      <c r="BM6" s="333"/>
      <c r="BN6" s="333"/>
      <c r="BO6" s="333"/>
      <c r="BP6" s="333"/>
      <c r="BQ6" s="333"/>
      <c r="BR6" s="333"/>
      <c r="BS6" s="333"/>
      <c r="BT6" s="333"/>
      <c r="BU6" s="333"/>
      <c r="BV6" s="255" t="s">
        <v>521</v>
      </c>
      <c r="BW6" s="255"/>
      <c r="BX6" s="255"/>
    </row>
    <row r="7" spans="1:77" s="3" customFormat="1" ht="24.5" customHeight="1" x14ac:dyDescent="0.2">
      <c r="A7" s="48"/>
      <c r="B7" s="49"/>
      <c r="C7" s="49"/>
      <c r="D7" s="38"/>
      <c r="E7" s="38"/>
      <c r="F7" s="38"/>
      <c r="G7" s="42"/>
      <c r="H7" s="42"/>
      <c r="I7" s="42"/>
      <c r="J7" s="42"/>
      <c r="K7" s="42"/>
      <c r="L7" s="42"/>
      <c r="M7" s="42"/>
      <c r="N7" s="42"/>
      <c r="O7" s="42"/>
      <c r="P7" s="42"/>
      <c r="Q7" s="340" t="s">
        <v>564</v>
      </c>
      <c r="R7" s="341"/>
      <c r="S7" s="341"/>
      <c r="T7" s="341"/>
      <c r="U7" s="342"/>
      <c r="V7" s="269">
        <f>入力してください!E15</f>
        <v>0</v>
      </c>
      <c r="W7" s="274"/>
      <c r="X7" s="274"/>
      <c r="Y7" s="274"/>
      <c r="Z7" s="274"/>
      <c r="AA7" s="274"/>
      <c r="AB7" s="274"/>
      <c r="AC7" s="274"/>
      <c r="AD7" s="274"/>
      <c r="AE7" s="274"/>
      <c r="AF7" s="274"/>
      <c r="AG7" s="274"/>
      <c r="AH7" s="274"/>
      <c r="AI7" s="274"/>
      <c r="AJ7" s="274"/>
      <c r="AK7" s="274"/>
      <c r="AL7" s="275"/>
      <c r="AM7" s="333"/>
      <c r="AN7" s="333"/>
      <c r="AO7" s="333"/>
      <c r="AP7" s="333"/>
      <c r="AQ7" s="333"/>
      <c r="AR7" s="333"/>
      <c r="AS7" s="333"/>
      <c r="AT7" s="333"/>
      <c r="AU7" s="333"/>
      <c r="AV7" s="333"/>
      <c r="AW7" s="333"/>
      <c r="AX7" s="333"/>
      <c r="AY7" s="333"/>
      <c r="AZ7" s="333"/>
      <c r="BA7" s="333"/>
      <c r="BB7" s="333"/>
      <c r="BC7" s="333"/>
      <c r="BD7" s="333"/>
      <c r="BE7" s="333"/>
      <c r="BF7" s="333"/>
      <c r="BG7" s="333"/>
      <c r="BH7" s="255"/>
      <c r="BI7" s="255"/>
      <c r="BJ7" s="333" t="s">
        <v>528</v>
      </c>
      <c r="BK7" s="333"/>
      <c r="BL7" s="333"/>
      <c r="BM7" s="333"/>
      <c r="BN7" s="333"/>
      <c r="BO7" s="333"/>
      <c r="BP7" s="333"/>
      <c r="BQ7" s="333"/>
      <c r="BR7" s="333"/>
      <c r="BS7" s="333"/>
      <c r="BT7" s="333"/>
      <c r="BU7" s="333"/>
      <c r="BV7" s="255"/>
      <c r="BW7" s="255"/>
      <c r="BX7" s="255"/>
    </row>
    <row r="8" spans="1:77" s="3" customFormat="1" ht="24.5" customHeight="1" x14ac:dyDescent="0.2">
      <c r="A8" s="339" t="s">
        <v>561</v>
      </c>
      <c r="B8" s="49"/>
      <c r="C8" s="49"/>
      <c r="D8" s="38"/>
      <c r="E8" s="38"/>
      <c r="F8" s="38"/>
      <c r="G8" s="42"/>
      <c r="H8" s="42"/>
      <c r="I8" s="42"/>
      <c r="J8" s="42"/>
      <c r="K8" s="42"/>
      <c r="L8" s="42"/>
      <c r="M8" s="42"/>
      <c r="N8" s="42"/>
      <c r="O8" s="42"/>
      <c r="P8" s="42"/>
      <c r="Q8" s="43"/>
      <c r="R8" s="43"/>
      <c r="S8" s="43"/>
      <c r="T8" s="43"/>
      <c r="U8" s="43"/>
      <c r="V8" s="43"/>
      <c r="W8" s="43"/>
      <c r="X8" s="43"/>
      <c r="Y8" s="43"/>
      <c r="Z8" s="43"/>
      <c r="AA8" s="43"/>
      <c r="AB8" s="43"/>
      <c r="AC8" s="43"/>
      <c r="AD8" s="43"/>
      <c r="AE8" s="43"/>
      <c r="AF8" s="43"/>
      <c r="AG8" s="43"/>
      <c r="AH8" s="43"/>
      <c r="AI8" s="43"/>
      <c r="AJ8" s="43"/>
      <c r="AK8" s="43"/>
      <c r="AL8" s="43"/>
      <c r="AM8" s="333" t="s">
        <v>164</v>
      </c>
      <c r="AN8" s="333"/>
      <c r="AO8" s="333" t="s">
        <v>126</v>
      </c>
      <c r="AP8" s="333"/>
      <c r="AQ8" s="690" t="s">
        <v>185</v>
      </c>
      <c r="AR8" s="690"/>
      <c r="AS8" s="690"/>
      <c r="AT8" s="690"/>
      <c r="AU8" s="690"/>
      <c r="AV8" s="690"/>
      <c r="AW8" s="690"/>
      <c r="AX8" s="690"/>
      <c r="AY8" s="690"/>
      <c r="AZ8" s="690"/>
      <c r="BA8" s="690"/>
      <c r="BB8" s="690"/>
      <c r="BC8" s="690"/>
      <c r="BD8" s="690"/>
      <c r="BE8" s="690"/>
      <c r="BF8" s="690"/>
      <c r="BG8" s="690"/>
      <c r="BH8" s="286" t="s">
        <v>184</v>
      </c>
      <c r="BI8" s="286"/>
      <c r="BJ8" s="286" t="s">
        <v>519</v>
      </c>
      <c r="BK8" s="286"/>
      <c r="BL8" s="286"/>
      <c r="BM8" s="286"/>
      <c r="BN8" s="286"/>
      <c r="BO8" s="286"/>
      <c r="BP8" s="286"/>
      <c r="BQ8" s="286"/>
      <c r="BR8" s="286"/>
      <c r="BS8" s="286"/>
      <c r="BT8" s="286"/>
      <c r="BU8" s="286"/>
      <c r="BV8" s="267">
        <f>入力してください!W71</f>
        <v>0</v>
      </c>
      <c r="BW8" s="267"/>
      <c r="BX8" s="267"/>
    </row>
    <row r="9" spans="1:77" s="3" customFormat="1" ht="24.5" customHeight="1" x14ac:dyDescent="0.2">
      <c r="A9" s="339" t="s">
        <v>562</v>
      </c>
      <c r="B9" s="49"/>
      <c r="C9" s="49"/>
      <c r="D9" s="38"/>
      <c r="E9" s="38"/>
      <c r="F9" s="38"/>
      <c r="G9" s="42"/>
      <c r="H9" s="42"/>
      <c r="I9" s="42"/>
      <c r="J9" s="42"/>
      <c r="K9" s="42"/>
      <c r="L9" s="42"/>
      <c r="M9" s="42"/>
      <c r="N9" s="42"/>
      <c r="O9" s="42"/>
      <c r="P9" s="42"/>
      <c r="Q9" s="42"/>
      <c r="R9" s="42"/>
      <c r="S9" s="42"/>
      <c r="T9" s="42"/>
      <c r="U9" s="42"/>
      <c r="V9" s="38"/>
      <c r="W9" s="38"/>
      <c r="X9" s="38"/>
      <c r="Y9" s="38"/>
      <c r="Z9" s="38"/>
      <c r="AA9" s="38"/>
      <c r="AB9" s="38"/>
      <c r="AC9" s="38"/>
      <c r="AD9" s="38"/>
      <c r="AE9" s="38"/>
      <c r="AF9" s="39"/>
      <c r="AG9" s="58"/>
      <c r="AH9" s="58"/>
      <c r="AI9" s="39"/>
      <c r="AJ9" s="38"/>
      <c r="AK9" s="38"/>
      <c r="AL9" s="39"/>
      <c r="AM9" s="333"/>
      <c r="AN9" s="333"/>
      <c r="AO9" s="422" t="s">
        <v>152</v>
      </c>
      <c r="AP9" s="422"/>
      <c r="AQ9" s="283">
        <f>入力してください!Q72</f>
        <v>0</v>
      </c>
      <c r="AR9" s="284"/>
      <c r="AS9" s="284"/>
      <c r="AT9" s="284"/>
      <c r="AU9" s="284"/>
      <c r="AV9" s="284"/>
      <c r="AW9" s="284"/>
      <c r="AX9" s="284"/>
      <c r="AY9" s="284"/>
      <c r="AZ9" s="284"/>
      <c r="BA9" s="284"/>
      <c r="BB9" s="284"/>
      <c r="BC9" s="284"/>
      <c r="BD9" s="284"/>
      <c r="BE9" s="284"/>
      <c r="BF9" s="284"/>
      <c r="BG9" s="285"/>
      <c r="BH9" s="286"/>
      <c r="BI9" s="286"/>
      <c r="BJ9" s="283">
        <f>入力してください!AC72</f>
        <v>0</v>
      </c>
      <c r="BK9" s="284"/>
      <c r="BL9" s="284"/>
      <c r="BM9" s="284"/>
      <c r="BN9" s="284"/>
      <c r="BO9" s="284"/>
      <c r="BP9" s="284"/>
      <c r="BQ9" s="284"/>
      <c r="BR9" s="284"/>
      <c r="BS9" s="284"/>
      <c r="BT9" s="284"/>
      <c r="BU9" s="285"/>
      <c r="BV9" s="267"/>
      <c r="BW9" s="267"/>
      <c r="BX9" s="267"/>
      <c r="BY9" s="689"/>
    </row>
    <row r="10" spans="1:77" s="3" customFormat="1" ht="24.5" customHeight="1" x14ac:dyDescent="0.2">
      <c r="A10" s="265"/>
      <c r="B10" s="266"/>
      <c r="C10" s="266"/>
      <c r="D10" s="266"/>
      <c r="E10" s="266"/>
      <c r="F10" s="266"/>
      <c r="G10" s="266"/>
      <c r="H10" s="266"/>
      <c r="I10" s="266"/>
      <c r="J10" s="266"/>
      <c r="K10" s="266"/>
      <c r="L10" s="266"/>
      <c r="M10" s="266"/>
      <c r="N10" s="266"/>
      <c r="O10" s="266"/>
      <c r="P10" s="266"/>
      <c r="Q10" s="344" t="s">
        <v>568</v>
      </c>
      <c r="R10" s="344"/>
      <c r="S10" s="344"/>
      <c r="T10" s="344"/>
      <c r="U10" s="344"/>
      <c r="V10" s="270">
        <f>入力してください!H19</f>
        <v>0</v>
      </c>
      <c r="W10" s="270"/>
      <c r="X10" s="270"/>
      <c r="Y10" s="270"/>
      <c r="Z10" s="270"/>
      <c r="AA10" s="270"/>
      <c r="AB10" s="270"/>
      <c r="AC10" s="56" t="s">
        <v>169</v>
      </c>
      <c r="AD10" s="245">
        <f>入力してください!J21</f>
        <v>0</v>
      </c>
      <c r="AE10" s="245"/>
      <c r="AF10" s="55" t="s">
        <v>129</v>
      </c>
      <c r="AG10" s="242">
        <f>入力してください!M21</f>
        <v>0</v>
      </c>
      <c r="AH10" s="242"/>
      <c r="AI10" s="55" t="s">
        <v>567</v>
      </c>
      <c r="AJ10" s="245">
        <f>入力してください!P21</f>
        <v>0</v>
      </c>
      <c r="AK10" s="245"/>
      <c r="AL10" s="59" t="s">
        <v>130</v>
      </c>
      <c r="AM10" s="258" t="s">
        <v>529</v>
      </c>
      <c r="AN10" s="261"/>
      <c r="AO10" s="261"/>
      <c r="AP10" s="261"/>
      <c r="AQ10" s="261"/>
      <c r="AR10" s="261"/>
      <c r="AS10" s="261"/>
      <c r="AT10" s="261"/>
      <c r="AU10" s="261"/>
      <c r="AV10" s="261"/>
      <c r="AW10" s="261"/>
      <c r="AX10" s="261"/>
      <c r="AY10" s="261"/>
      <c r="AZ10" s="261"/>
      <c r="BA10" s="261"/>
      <c r="BB10" s="261"/>
      <c r="BC10" s="261"/>
      <c r="BD10" s="261"/>
      <c r="BE10" s="261"/>
      <c r="BF10" s="261"/>
      <c r="BG10" s="261"/>
      <c r="BH10" s="261"/>
      <c r="BI10" s="261"/>
      <c r="BJ10" s="261"/>
      <c r="BK10" s="261"/>
      <c r="BL10" s="261"/>
      <c r="BM10" s="261"/>
      <c r="BN10" s="261"/>
      <c r="BO10" s="261"/>
      <c r="BP10" s="261"/>
      <c r="BQ10" s="261"/>
      <c r="BR10" s="261"/>
      <c r="BS10" s="261"/>
      <c r="BT10" s="261"/>
      <c r="BU10" s="261"/>
      <c r="BV10" s="261"/>
      <c r="BW10" s="261"/>
      <c r="BX10" s="262"/>
      <c r="BY10" s="6"/>
    </row>
    <row r="11" spans="1:77" s="3" customFormat="1" ht="24.5" customHeight="1" x14ac:dyDescent="0.2">
      <c r="A11" s="265"/>
      <c r="B11" s="266"/>
      <c r="C11" s="266"/>
      <c r="D11" s="266"/>
      <c r="E11" s="266"/>
      <c r="F11" s="266"/>
      <c r="G11" s="266"/>
      <c r="H11" s="266"/>
      <c r="I11" s="266"/>
      <c r="J11" s="266"/>
      <c r="K11" s="266"/>
      <c r="L11" s="266"/>
      <c r="M11" s="266"/>
      <c r="N11" s="266"/>
      <c r="O11" s="266"/>
      <c r="P11" s="266"/>
      <c r="Q11" s="252" t="s">
        <v>569</v>
      </c>
      <c r="R11" s="252"/>
      <c r="S11" s="252"/>
      <c r="T11" s="252"/>
      <c r="U11" s="252"/>
      <c r="V11" s="268">
        <f>入力してください!H20</f>
        <v>0</v>
      </c>
      <c r="W11" s="268"/>
      <c r="X11" s="268"/>
      <c r="Y11" s="268"/>
      <c r="Z11" s="268"/>
      <c r="AA11" s="268"/>
      <c r="AB11" s="268"/>
      <c r="AC11" s="268"/>
      <c r="AD11" s="268"/>
      <c r="AE11" s="268"/>
      <c r="AF11" s="268"/>
      <c r="AG11" s="268"/>
      <c r="AH11" s="268"/>
      <c r="AI11" s="268"/>
      <c r="AJ11" s="268"/>
      <c r="AK11" s="268"/>
      <c r="AL11" s="268"/>
      <c r="AM11" s="423" t="s">
        <v>522</v>
      </c>
      <c r="AN11" s="422"/>
      <c r="AO11" s="257" t="s">
        <v>126</v>
      </c>
      <c r="AP11" s="257"/>
      <c r="AQ11" s="317">
        <f>入力してください!F73</f>
        <v>0</v>
      </c>
      <c r="AR11" s="318"/>
      <c r="AS11" s="318"/>
      <c r="AT11" s="318"/>
      <c r="AU11" s="318"/>
      <c r="AV11" s="318"/>
      <c r="AW11" s="318"/>
      <c r="AX11" s="318"/>
      <c r="AY11" s="318"/>
      <c r="AZ11" s="319"/>
      <c r="BA11" s="323">
        <f>入力してください!F74</f>
        <v>0</v>
      </c>
      <c r="BB11" s="324">
        <f>入力してください!H74</f>
        <v>0</v>
      </c>
      <c r="BC11" s="324" t="s">
        <v>129</v>
      </c>
      <c r="BD11" s="324">
        <f>入力してください!J74</f>
        <v>0</v>
      </c>
      <c r="BE11" s="324" t="s">
        <v>567</v>
      </c>
      <c r="BF11" s="324">
        <f>入力してください!L74</f>
        <v>0</v>
      </c>
      <c r="BG11" s="325" t="s">
        <v>572</v>
      </c>
      <c r="BH11" s="256">
        <f>入力してください!Q73</f>
        <v>0</v>
      </c>
      <c r="BI11" s="256"/>
      <c r="BJ11" s="279">
        <f>入力してください!AC73</f>
        <v>0</v>
      </c>
      <c r="BK11" s="279"/>
      <c r="BL11" s="279"/>
      <c r="BM11" s="279"/>
      <c r="BN11" s="279"/>
      <c r="BO11" s="279"/>
      <c r="BP11" s="279"/>
      <c r="BQ11" s="279"/>
      <c r="BR11" s="279"/>
      <c r="BS11" s="279"/>
      <c r="BT11" s="279"/>
      <c r="BU11" s="279"/>
      <c r="BV11" s="226">
        <f>入力してください!W73</f>
        <v>0</v>
      </c>
      <c r="BW11" s="226"/>
      <c r="BX11" s="226"/>
      <c r="BY11" s="6"/>
    </row>
    <row r="12" spans="1:77" s="3" customFormat="1" ht="24.5" customHeight="1" x14ac:dyDescent="0.2">
      <c r="A12" s="48"/>
      <c r="B12" s="38"/>
      <c r="C12" s="38"/>
      <c r="D12" s="13"/>
      <c r="E12" s="13"/>
      <c r="F12" s="13"/>
      <c r="G12" s="13"/>
      <c r="H12" s="13"/>
      <c r="I12" s="13"/>
      <c r="J12" s="13"/>
      <c r="K12" s="13"/>
      <c r="L12" s="13"/>
      <c r="M12" s="42"/>
      <c r="N12" s="42"/>
      <c r="O12" s="42"/>
      <c r="P12" s="42"/>
      <c r="Q12" s="42"/>
      <c r="R12" s="42"/>
      <c r="S12" s="42"/>
      <c r="T12" s="42"/>
      <c r="U12" s="42"/>
      <c r="V12" s="42"/>
      <c r="W12" s="13"/>
      <c r="X12" s="13"/>
      <c r="Y12" s="13"/>
      <c r="Z12" s="13"/>
      <c r="AA12" s="13"/>
      <c r="AB12" s="42"/>
      <c r="AC12" s="42"/>
      <c r="AD12" s="42"/>
      <c r="AE12" s="55"/>
      <c r="AF12" s="42"/>
      <c r="AG12" s="42"/>
      <c r="AH12" s="42"/>
      <c r="AI12" s="42"/>
      <c r="AJ12" s="42"/>
      <c r="AK12" s="42"/>
      <c r="AL12" s="42"/>
      <c r="AM12" s="422"/>
      <c r="AN12" s="422"/>
      <c r="AO12" s="257"/>
      <c r="AP12" s="257"/>
      <c r="AQ12" s="320"/>
      <c r="AR12" s="321"/>
      <c r="AS12" s="321"/>
      <c r="AT12" s="321"/>
      <c r="AU12" s="321"/>
      <c r="AV12" s="321"/>
      <c r="AW12" s="321"/>
      <c r="AX12" s="321"/>
      <c r="AY12" s="321"/>
      <c r="AZ12" s="322"/>
      <c r="BA12" s="326"/>
      <c r="BB12" s="327"/>
      <c r="BC12" s="327"/>
      <c r="BD12" s="327"/>
      <c r="BE12" s="327"/>
      <c r="BF12" s="327"/>
      <c r="BG12" s="328"/>
      <c r="BH12" s="256"/>
      <c r="BI12" s="256"/>
      <c r="BJ12" s="279"/>
      <c r="BK12" s="279"/>
      <c r="BL12" s="279"/>
      <c r="BM12" s="279"/>
      <c r="BN12" s="279"/>
      <c r="BO12" s="279"/>
      <c r="BP12" s="279"/>
      <c r="BQ12" s="279"/>
      <c r="BR12" s="279"/>
      <c r="BS12" s="279"/>
      <c r="BT12" s="279"/>
      <c r="BU12" s="279"/>
      <c r="BV12" s="226"/>
      <c r="BW12" s="226"/>
      <c r="BX12" s="226"/>
      <c r="BY12" s="6"/>
    </row>
    <row r="13" spans="1:77" s="3" customFormat="1" ht="24.5" customHeight="1" x14ac:dyDescent="0.2">
      <c r="A13" s="670" t="s">
        <v>492</v>
      </c>
      <c r="B13" s="671"/>
      <c r="C13" s="349" t="s">
        <v>127</v>
      </c>
      <c r="D13" s="350"/>
      <c r="E13" s="350"/>
      <c r="F13" s="350"/>
      <c r="G13" s="351"/>
      <c r="H13" s="352">
        <f>入力してください!G25</f>
        <v>0</v>
      </c>
      <c r="I13" s="345"/>
      <c r="J13" s="345"/>
      <c r="K13" s="345"/>
      <c r="L13" s="345"/>
      <c r="M13" s="345"/>
      <c r="N13" s="345"/>
      <c r="O13" s="345"/>
      <c r="P13" s="345"/>
      <c r="Q13" s="345"/>
      <c r="R13" s="345"/>
      <c r="S13" s="345"/>
      <c r="T13" s="345"/>
      <c r="U13" s="353" t="s">
        <v>151</v>
      </c>
      <c r="V13" s="353"/>
      <c r="W13" s="353"/>
      <c r="X13" s="353"/>
      <c r="Y13" s="353"/>
      <c r="Z13" s="354">
        <f>入力してください!G26</f>
        <v>0</v>
      </c>
      <c r="AA13" s="354"/>
      <c r="AB13" s="354"/>
      <c r="AC13" s="355"/>
      <c r="AD13" s="345">
        <f>入力してください!I26</f>
        <v>0</v>
      </c>
      <c r="AE13" s="345"/>
      <c r="AF13" s="346" t="s">
        <v>129</v>
      </c>
      <c r="AG13" s="345">
        <f>入力してください!N26</f>
        <v>0</v>
      </c>
      <c r="AH13" s="345"/>
      <c r="AI13" s="346" t="s">
        <v>567</v>
      </c>
      <c r="AJ13" s="345">
        <f>入力してください!Q26</f>
        <v>0</v>
      </c>
      <c r="AK13" s="345"/>
      <c r="AL13" s="347" t="s">
        <v>130</v>
      </c>
      <c r="AM13" s="422"/>
      <c r="AN13" s="422"/>
      <c r="AO13" s="422" t="s">
        <v>152</v>
      </c>
      <c r="AP13" s="422"/>
      <c r="AQ13" s="287">
        <f>入力してください!Q74</f>
        <v>0</v>
      </c>
      <c r="AR13" s="288"/>
      <c r="AS13" s="288"/>
      <c r="AT13" s="288"/>
      <c r="AU13" s="288"/>
      <c r="AV13" s="288"/>
      <c r="AW13" s="288"/>
      <c r="AX13" s="288"/>
      <c r="AY13" s="288"/>
      <c r="AZ13" s="288"/>
      <c r="BA13" s="288"/>
      <c r="BB13" s="288"/>
      <c r="BC13" s="288"/>
      <c r="BD13" s="288"/>
      <c r="BE13" s="288"/>
      <c r="BF13" s="288"/>
      <c r="BG13" s="289"/>
      <c r="BH13" s="256"/>
      <c r="BI13" s="256"/>
      <c r="BJ13" s="223">
        <f>入力してください!AC74</f>
        <v>0</v>
      </c>
      <c r="BK13" s="281"/>
      <c r="BL13" s="281"/>
      <c r="BM13" s="281"/>
      <c r="BN13" s="281"/>
      <c r="BO13" s="281"/>
      <c r="BP13" s="281"/>
      <c r="BQ13" s="281"/>
      <c r="BR13" s="281"/>
      <c r="BS13" s="281"/>
      <c r="BT13" s="281"/>
      <c r="BU13" s="282"/>
      <c r="BV13" s="226"/>
      <c r="BW13" s="226"/>
      <c r="BX13" s="226"/>
      <c r="BY13" s="6"/>
    </row>
    <row r="14" spans="1:77" s="3" customFormat="1" ht="20.5" customHeight="1" x14ac:dyDescent="0.2">
      <c r="A14" s="672"/>
      <c r="B14" s="673"/>
      <c r="C14" s="356" t="s">
        <v>493</v>
      </c>
      <c r="D14" s="357"/>
      <c r="E14" s="357"/>
      <c r="F14" s="357"/>
      <c r="G14" s="358"/>
      <c r="H14" s="359" t="s">
        <v>131</v>
      </c>
      <c r="I14" s="360">
        <f>入力してください!G27</f>
        <v>0</v>
      </c>
      <c r="J14" s="361"/>
      <c r="K14" s="361"/>
      <c r="L14" s="361"/>
      <c r="M14" s="361"/>
      <c r="N14" s="361"/>
      <c r="O14" s="361"/>
      <c r="P14" s="361"/>
      <c r="Q14" s="361"/>
      <c r="R14" s="361"/>
      <c r="S14" s="361"/>
      <c r="T14" s="361"/>
      <c r="U14" s="361"/>
      <c r="V14" s="361"/>
      <c r="W14" s="361"/>
      <c r="X14" s="361"/>
      <c r="Y14" s="361"/>
      <c r="Z14" s="361"/>
      <c r="AA14" s="361"/>
      <c r="AB14" s="361"/>
      <c r="AC14" s="361"/>
      <c r="AD14" s="361"/>
      <c r="AE14" s="361"/>
      <c r="AF14" s="361"/>
      <c r="AG14" s="361"/>
      <c r="AH14" s="361"/>
      <c r="AI14" s="361"/>
      <c r="AJ14" s="361"/>
      <c r="AK14" s="361"/>
      <c r="AL14" s="362"/>
      <c r="AM14" s="422" t="s">
        <v>522</v>
      </c>
      <c r="AN14" s="422"/>
      <c r="AO14" s="255" t="s">
        <v>126</v>
      </c>
      <c r="AP14" s="255"/>
      <c r="AQ14" s="290">
        <f>入力してください!F75</f>
        <v>0</v>
      </c>
      <c r="AR14" s="291"/>
      <c r="AS14" s="291"/>
      <c r="AT14" s="291"/>
      <c r="AU14" s="291"/>
      <c r="AV14" s="291"/>
      <c r="AW14" s="291"/>
      <c r="AX14" s="291"/>
      <c r="AY14" s="291"/>
      <c r="AZ14" s="292"/>
      <c r="BA14" s="216">
        <f>入力してください!F76</f>
        <v>0</v>
      </c>
      <c r="BB14" s="218">
        <f>入力してください!H76</f>
        <v>0</v>
      </c>
      <c r="BC14" s="218" t="s">
        <v>129</v>
      </c>
      <c r="BD14" s="218">
        <f>入力してください!J76</f>
        <v>0</v>
      </c>
      <c r="BE14" s="218" t="s">
        <v>567</v>
      </c>
      <c r="BF14" s="218">
        <f>入力してください!L76</f>
        <v>0</v>
      </c>
      <c r="BG14" s="220" t="s">
        <v>572</v>
      </c>
      <c r="BH14" s="225">
        <f>入力してください!Q75</f>
        <v>0</v>
      </c>
      <c r="BI14" s="225"/>
      <c r="BJ14" s="226">
        <f>入力してください!AC75</f>
        <v>0</v>
      </c>
      <c r="BK14" s="226"/>
      <c r="BL14" s="226"/>
      <c r="BM14" s="226"/>
      <c r="BN14" s="226"/>
      <c r="BO14" s="226"/>
      <c r="BP14" s="226"/>
      <c r="BQ14" s="226"/>
      <c r="BR14" s="226"/>
      <c r="BS14" s="226"/>
      <c r="BT14" s="226"/>
      <c r="BU14" s="226"/>
      <c r="BV14" s="225">
        <f>入力してください!W75</f>
        <v>0</v>
      </c>
      <c r="BW14" s="225"/>
      <c r="BX14" s="225"/>
      <c r="BY14" s="6"/>
    </row>
    <row r="15" spans="1:77" s="3" customFormat="1" ht="34.5" customHeight="1" x14ac:dyDescent="0.2">
      <c r="A15" s="672"/>
      <c r="B15" s="673"/>
      <c r="C15" s="363"/>
      <c r="D15" s="364"/>
      <c r="E15" s="364"/>
      <c r="F15" s="364"/>
      <c r="G15" s="365"/>
      <c r="H15" s="366">
        <f>入力してください!G28</f>
        <v>0</v>
      </c>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8"/>
      <c r="AM15" s="422"/>
      <c r="AN15" s="422"/>
      <c r="AO15" s="255"/>
      <c r="AP15" s="255"/>
      <c r="AQ15" s="293"/>
      <c r="AR15" s="294"/>
      <c r="AS15" s="294"/>
      <c r="AT15" s="294"/>
      <c r="AU15" s="294"/>
      <c r="AV15" s="294"/>
      <c r="AW15" s="294"/>
      <c r="AX15" s="294"/>
      <c r="AY15" s="294"/>
      <c r="AZ15" s="295"/>
      <c r="BA15" s="217"/>
      <c r="BB15" s="219"/>
      <c r="BC15" s="219"/>
      <c r="BD15" s="219"/>
      <c r="BE15" s="219"/>
      <c r="BF15" s="219"/>
      <c r="BG15" s="221"/>
      <c r="BH15" s="225"/>
      <c r="BI15" s="225"/>
      <c r="BJ15" s="226"/>
      <c r="BK15" s="226"/>
      <c r="BL15" s="226"/>
      <c r="BM15" s="226"/>
      <c r="BN15" s="226"/>
      <c r="BO15" s="226"/>
      <c r="BP15" s="226"/>
      <c r="BQ15" s="226"/>
      <c r="BR15" s="226"/>
      <c r="BS15" s="226"/>
      <c r="BT15" s="226"/>
      <c r="BU15" s="226"/>
      <c r="BV15" s="225"/>
      <c r="BW15" s="225"/>
      <c r="BX15" s="225"/>
      <c r="BY15" s="6"/>
    </row>
    <row r="16" spans="1:77" s="3" customFormat="1" ht="24.5" customHeight="1" x14ac:dyDescent="0.2">
      <c r="A16" s="672"/>
      <c r="B16" s="673"/>
      <c r="C16" s="349" t="s">
        <v>494</v>
      </c>
      <c r="D16" s="350"/>
      <c r="E16" s="350"/>
      <c r="F16" s="350"/>
      <c r="G16" s="350"/>
      <c r="H16" s="350"/>
      <c r="I16" s="351"/>
      <c r="J16" s="352">
        <f>入力してください!P30</f>
        <v>0</v>
      </c>
      <c r="K16" s="341"/>
      <c r="L16" s="341"/>
      <c r="M16" s="341"/>
      <c r="N16" s="341"/>
      <c r="O16" s="341"/>
      <c r="P16" s="341"/>
      <c r="Q16" s="341"/>
      <c r="R16" s="341"/>
      <c r="S16" s="341"/>
      <c r="T16" s="341"/>
      <c r="U16" s="341"/>
      <c r="V16" s="341"/>
      <c r="W16" s="341"/>
      <c r="X16" s="341"/>
      <c r="Y16" s="341"/>
      <c r="Z16" s="341"/>
      <c r="AA16" s="341"/>
      <c r="AB16" s="341"/>
      <c r="AC16" s="341"/>
      <c r="AD16" s="341"/>
      <c r="AE16" s="341"/>
      <c r="AF16" s="341"/>
      <c r="AG16" s="341"/>
      <c r="AH16" s="341"/>
      <c r="AI16" s="341"/>
      <c r="AJ16" s="341"/>
      <c r="AK16" s="341"/>
      <c r="AL16" s="341"/>
      <c r="AM16" s="422"/>
      <c r="AN16" s="422"/>
      <c r="AO16" s="422" t="s">
        <v>152</v>
      </c>
      <c r="AP16" s="422"/>
      <c r="AQ16" s="287">
        <f>入力してください!Q76</f>
        <v>0</v>
      </c>
      <c r="AR16" s="288"/>
      <c r="AS16" s="288"/>
      <c r="AT16" s="288"/>
      <c r="AU16" s="288"/>
      <c r="AV16" s="288"/>
      <c r="AW16" s="288"/>
      <c r="AX16" s="288"/>
      <c r="AY16" s="288"/>
      <c r="AZ16" s="288"/>
      <c r="BA16" s="288"/>
      <c r="BB16" s="288"/>
      <c r="BC16" s="288"/>
      <c r="BD16" s="288"/>
      <c r="BE16" s="288"/>
      <c r="BF16" s="288"/>
      <c r="BG16" s="289"/>
      <c r="BH16" s="225"/>
      <c r="BI16" s="225"/>
      <c r="BJ16" s="298">
        <f>入力してください!AC76</f>
        <v>0</v>
      </c>
      <c r="BK16" s="281"/>
      <c r="BL16" s="281"/>
      <c r="BM16" s="281"/>
      <c r="BN16" s="281"/>
      <c r="BO16" s="281"/>
      <c r="BP16" s="281"/>
      <c r="BQ16" s="281"/>
      <c r="BR16" s="281"/>
      <c r="BS16" s="281"/>
      <c r="BT16" s="281"/>
      <c r="BU16" s="282"/>
      <c r="BV16" s="225"/>
      <c r="BW16" s="225"/>
      <c r="BX16" s="225"/>
      <c r="BY16" s="6"/>
    </row>
    <row r="17" spans="1:77" s="3" customFormat="1" ht="24.5" customHeight="1" x14ac:dyDescent="0.2">
      <c r="A17" s="672"/>
      <c r="B17" s="673"/>
      <c r="C17" s="679" t="s">
        <v>495</v>
      </c>
      <c r="D17" s="680"/>
      <c r="E17" s="681"/>
      <c r="F17" s="405" t="s">
        <v>128</v>
      </c>
      <c r="G17" s="406"/>
      <c r="H17" s="406"/>
      <c r="I17" s="407"/>
      <c r="J17" s="371">
        <f>入力してください!G31</f>
        <v>0</v>
      </c>
      <c r="K17" s="372"/>
      <c r="L17" s="372"/>
      <c r="M17" s="372"/>
      <c r="N17" s="372"/>
      <c r="O17" s="372"/>
      <c r="P17" s="372"/>
      <c r="Q17" s="372"/>
      <c r="R17" s="372"/>
      <c r="S17" s="372"/>
      <c r="T17" s="373"/>
      <c r="U17" s="374" t="s">
        <v>496</v>
      </c>
      <c r="V17" s="375"/>
      <c r="W17" s="376"/>
      <c r="X17" s="377" t="s">
        <v>126</v>
      </c>
      <c r="Y17" s="378"/>
      <c r="Z17" s="378"/>
      <c r="AA17" s="379"/>
      <c r="AB17" s="340">
        <f>入力してください!G32</f>
        <v>0</v>
      </c>
      <c r="AC17" s="341"/>
      <c r="AD17" s="341"/>
      <c r="AE17" s="341"/>
      <c r="AF17" s="341"/>
      <c r="AG17" s="341"/>
      <c r="AH17" s="341"/>
      <c r="AI17" s="341"/>
      <c r="AJ17" s="341"/>
      <c r="AK17" s="341"/>
      <c r="AL17" s="341"/>
      <c r="AM17" s="422" t="s">
        <v>522</v>
      </c>
      <c r="AN17" s="422"/>
      <c r="AO17" s="255" t="s">
        <v>126</v>
      </c>
      <c r="AP17" s="255"/>
      <c r="AQ17" s="276">
        <f>入力してください!F77</f>
        <v>0</v>
      </c>
      <c r="AR17" s="222"/>
      <c r="AS17" s="222"/>
      <c r="AT17" s="222"/>
      <c r="AU17" s="222"/>
      <c r="AV17" s="222"/>
      <c r="AW17" s="222"/>
      <c r="AX17" s="222"/>
      <c r="AY17" s="222"/>
      <c r="AZ17" s="222"/>
      <c r="BA17" s="216">
        <f>入力してください!F78</f>
        <v>0</v>
      </c>
      <c r="BB17" s="218">
        <f>入力してください!H78</f>
        <v>0</v>
      </c>
      <c r="BC17" s="302" t="s">
        <v>129</v>
      </c>
      <c r="BD17" s="222">
        <f>入力してください!J78</f>
        <v>0</v>
      </c>
      <c r="BE17" s="302" t="s">
        <v>567</v>
      </c>
      <c r="BF17" s="222">
        <f>入力してください!L78</f>
        <v>0</v>
      </c>
      <c r="BG17" s="303" t="s">
        <v>572</v>
      </c>
      <c r="BH17" s="226">
        <f>入力してください!Q77</f>
        <v>0</v>
      </c>
      <c r="BI17" s="226"/>
      <c r="BJ17" s="226">
        <f>入力してください!AC77</f>
        <v>0</v>
      </c>
      <c r="BK17" s="226"/>
      <c r="BL17" s="226"/>
      <c r="BM17" s="226"/>
      <c r="BN17" s="226"/>
      <c r="BO17" s="226"/>
      <c r="BP17" s="226"/>
      <c r="BQ17" s="226"/>
      <c r="BR17" s="226"/>
      <c r="BS17" s="226"/>
      <c r="BT17" s="226"/>
      <c r="BU17" s="226"/>
      <c r="BV17" s="225">
        <f>入力してください!W77</f>
        <v>0</v>
      </c>
      <c r="BW17" s="225"/>
      <c r="BX17" s="225"/>
    </row>
    <row r="18" spans="1:77" s="3" customFormat="1" ht="24.5" customHeight="1" x14ac:dyDescent="0.2">
      <c r="A18" s="674"/>
      <c r="B18" s="675"/>
      <c r="C18" s="682"/>
      <c r="D18" s="683"/>
      <c r="E18" s="684"/>
      <c r="F18" s="258" t="s">
        <v>574</v>
      </c>
      <c r="G18" s="263"/>
      <c r="H18" s="263"/>
      <c r="I18" s="264"/>
      <c r="J18" s="380">
        <f>入力してください!G33</f>
        <v>0</v>
      </c>
      <c r="K18" s="372"/>
      <c r="L18" s="372"/>
      <c r="M18" s="372"/>
      <c r="N18" s="372"/>
      <c r="O18" s="372"/>
      <c r="P18" s="372"/>
      <c r="Q18" s="372"/>
      <c r="R18" s="372"/>
      <c r="S18" s="372"/>
      <c r="T18" s="373"/>
      <c r="U18" s="381"/>
      <c r="V18" s="382"/>
      <c r="W18" s="383"/>
      <c r="X18" s="405" t="s">
        <v>497</v>
      </c>
      <c r="Y18" s="406"/>
      <c r="Z18" s="406"/>
      <c r="AA18" s="407"/>
      <c r="AB18" s="371">
        <f>入力してください!R32</f>
        <v>0</v>
      </c>
      <c r="AC18" s="372"/>
      <c r="AD18" s="372"/>
      <c r="AE18" s="372"/>
      <c r="AF18" s="372"/>
      <c r="AG18" s="372"/>
      <c r="AH18" s="372"/>
      <c r="AI18" s="372"/>
      <c r="AJ18" s="372"/>
      <c r="AK18" s="372"/>
      <c r="AL18" s="373"/>
      <c r="AM18" s="422"/>
      <c r="AN18" s="422"/>
      <c r="AO18" s="255"/>
      <c r="AP18" s="255"/>
      <c r="AQ18" s="276"/>
      <c r="AR18" s="222"/>
      <c r="AS18" s="222"/>
      <c r="AT18" s="222"/>
      <c r="AU18" s="222"/>
      <c r="AV18" s="222"/>
      <c r="AW18" s="222"/>
      <c r="AX18" s="222"/>
      <c r="AY18" s="222"/>
      <c r="AZ18" s="222"/>
      <c r="BA18" s="276"/>
      <c r="BB18" s="222"/>
      <c r="BC18" s="302"/>
      <c r="BD18" s="222"/>
      <c r="BE18" s="302"/>
      <c r="BF18" s="222"/>
      <c r="BG18" s="303"/>
      <c r="BH18" s="226"/>
      <c r="BI18" s="226"/>
      <c r="BJ18" s="226"/>
      <c r="BK18" s="226"/>
      <c r="BL18" s="226"/>
      <c r="BM18" s="226"/>
      <c r="BN18" s="226"/>
      <c r="BO18" s="226"/>
      <c r="BP18" s="226"/>
      <c r="BQ18" s="226"/>
      <c r="BR18" s="226"/>
      <c r="BS18" s="226"/>
      <c r="BT18" s="226"/>
      <c r="BU18" s="226"/>
      <c r="BV18" s="225"/>
      <c r="BW18" s="225"/>
      <c r="BX18" s="225"/>
    </row>
    <row r="19" spans="1:77" s="3" customFormat="1" ht="24.5" customHeight="1" x14ac:dyDescent="0.2">
      <c r="A19" s="676" t="s">
        <v>498</v>
      </c>
      <c r="B19" s="676"/>
      <c r="C19" s="334" t="s">
        <v>499</v>
      </c>
      <c r="D19" s="334"/>
      <c r="E19" s="334"/>
      <c r="F19" s="334"/>
      <c r="G19" s="334"/>
      <c r="H19" s="334"/>
      <c r="I19" s="369"/>
      <c r="J19" s="384" t="s">
        <v>500</v>
      </c>
      <c r="K19" s="372">
        <f>入力してください!G36</f>
        <v>0</v>
      </c>
      <c r="L19" s="372"/>
      <c r="M19" s="385" t="str">
        <f>入力してください!I36</f>
        <v>左欄に疾患番号を入力してください</v>
      </c>
      <c r="N19" s="385"/>
      <c r="O19" s="385"/>
      <c r="P19" s="385"/>
      <c r="Q19" s="385"/>
      <c r="R19" s="385"/>
      <c r="S19" s="385"/>
      <c r="T19" s="385"/>
      <c r="U19" s="385"/>
      <c r="V19" s="385"/>
      <c r="W19" s="385"/>
      <c r="X19" s="385"/>
      <c r="Y19" s="385"/>
      <c r="Z19" s="385"/>
      <c r="AA19" s="385"/>
      <c r="AB19" s="385"/>
      <c r="AC19" s="385"/>
      <c r="AD19" s="385"/>
      <c r="AE19" s="385"/>
      <c r="AF19" s="385"/>
      <c r="AG19" s="385"/>
      <c r="AH19" s="385"/>
      <c r="AI19" s="385"/>
      <c r="AJ19" s="385"/>
      <c r="AK19" s="385"/>
      <c r="AL19" s="386"/>
      <c r="AM19" s="422"/>
      <c r="AN19" s="422"/>
      <c r="AO19" s="422" t="s">
        <v>152</v>
      </c>
      <c r="AP19" s="422"/>
      <c r="AQ19" s="223">
        <f>入力してください!Q78</f>
        <v>0</v>
      </c>
      <c r="AR19" s="296"/>
      <c r="AS19" s="296"/>
      <c r="AT19" s="296"/>
      <c r="AU19" s="296"/>
      <c r="AV19" s="296"/>
      <c r="AW19" s="296"/>
      <c r="AX19" s="296"/>
      <c r="AY19" s="296"/>
      <c r="AZ19" s="296"/>
      <c r="BA19" s="297"/>
      <c r="BB19" s="297"/>
      <c r="BC19" s="296"/>
      <c r="BD19" s="297"/>
      <c r="BE19" s="296"/>
      <c r="BF19" s="297"/>
      <c r="BG19" s="224"/>
      <c r="BH19" s="226"/>
      <c r="BI19" s="226"/>
      <c r="BJ19" s="298">
        <f>入力してください!AC78</f>
        <v>0</v>
      </c>
      <c r="BK19" s="281"/>
      <c r="BL19" s="281"/>
      <c r="BM19" s="281"/>
      <c r="BN19" s="281"/>
      <c r="BO19" s="281"/>
      <c r="BP19" s="281"/>
      <c r="BQ19" s="281"/>
      <c r="BR19" s="281"/>
      <c r="BS19" s="281"/>
      <c r="BT19" s="281"/>
      <c r="BU19" s="282"/>
      <c r="BV19" s="225"/>
      <c r="BW19" s="225"/>
      <c r="BX19" s="225"/>
    </row>
    <row r="20" spans="1:77" s="3" customFormat="1" ht="24.5" customHeight="1" x14ac:dyDescent="0.2">
      <c r="A20" s="676"/>
      <c r="B20" s="676"/>
      <c r="C20" s="334"/>
      <c r="D20" s="334"/>
      <c r="E20" s="334"/>
      <c r="F20" s="334"/>
      <c r="G20" s="334"/>
      <c r="H20" s="334"/>
      <c r="I20" s="369"/>
      <c r="J20" s="384" t="s">
        <v>501</v>
      </c>
      <c r="K20" s="372">
        <f>入力してください!G37</f>
        <v>0</v>
      </c>
      <c r="L20" s="372"/>
      <c r="M20" s="385" t="str">
        <f>入力してください!I37</f>
        <v>２つの疾病を申請する際は、こちらにも入力してください</v>
      </c>
      <c r="N20" s="385"/>
      <c r="O20" s="385"/>
      <c r="P20" s="385"/>
      <c r="Q20" s="385"/>
      <c r="R20" s="385"/>
      <c r="S20" s="385"/>
      <c r="T20" s="385"/>
      <c r="U20" s="385"/>
      <c r="V20" s="385"/>
      <c r="W20" s="385"/>
      <c r="X20" s="385"/>
      <c r="Y20" s="385"/>
      <c r="Z20" s="385"/>
      <c r="AA20" s="385"/>
      <c r="AB20" s="385"/>
      <c r="AC20" s="385"/>
      <c r="AD20" s="385"/>
      <c r="AE20" s="385"/>
      <c r="AF20" s="385"/>
      <c r="AG20" s="385"/>
      <c r="AH20" s="385"/>
      <c r="AI20" s="385"/>
      <c r="AJ20" s="385"/>
      <c r="AK20" s="385"/>
      <c r="AL20" s="386"/>
      <c r="AM20" s="422" t="s">
        <v>522</v>
      </c>
      <c r="AN20" s="422"/>
      <c r="AO20" s="257" t="s">
        <v>126</v>
      </c>
      <c r="AP20" s="257"/>
      <c r="AQ20" s="299">
        <f>入力してください!F79</f>
        <v>0</v>
      </c>
      <c r="AR20" s="297"/>
      <c r="AS20" s="297"/>
      <c r="AT20" s="297"/>
      <c r="AU20" s="297"/>
      <c r="AV20" s="297"/>
      <c r="AW20" s="297"/>
      <c r="AX20" s="297"/>
      <c r="AY20" s="297"/>
      <c r="AZ20" s="297"/>
      <c r="BA20" s="299">
        <f>入力してください!F80</f>
        <v>0</v>
      </c>
      <c r="BB20" s="297">
        <f>入力してください!H80</f>
        <v>0</v>
      </c>
      <c r="BC20" s="297" t="s">
        <v>129</v>
      </c>
      <c r="BD20" s="297">
        <f>入力してください!J80</f>
        <v>0</v>
      </c>
      <c r="BE20" s="297" t="s">
        <v>567</v>
      </c>
      <c r="BF20" s="297">
        <f>入力してください!L80</f>
        <v>0</v>
      </c>
      <c r="BG20" s="300" t="s">
        <v>572</v>
      </c>
      <c r="BH20" s="226">
        <f>入力してください!Q79</f>
        <v>0</v>
      </c>
      <c r="BI20" s="226"/>
      <c r="BJ20" s="226">
        <f>入力してください!AC79</f>
        <v>0</v>
      </c>
      <c r="BK20" s="226"/>
      <c r="BL20" s="226"/>
      <c r="BM20" s="226"/>
      <c r="BN20" s="226"/>
      <c r="BO20" s="226"/>
      <c r="BP20" s="226"/>
      <c r="BQ20" s="226"/>
      <c r="BR20" s="226"/>
      <c r="BS20" s="226"/>
      <c r="BT20" s="226"/>
      <c r="BU20" s="226"/>
      <c r="BV20" s="226">
        <f>入力してください!W79</f>
        <v>0</v>
      </c>
      <c r="BW20" s="226"/>
      <c r="BX20" s="226"/>
    </row>
    <row r="21" spans="1:77" s="3" customFormat="1" ht="24.5" customHeight="1" x14ac:dyDescent="0.2">
      <c r="A21" s="676"/>
      <c r="B21" s="676"/>
      <c r="C21" s="334"/>
      <c r="D21" s="334"/>
      <c r="E21" s="334"/>
      <c r="F21" s="334"/>
      <c r="G21" s="334"/>
      <c r="H21" s="334"/>
      <c r="I21" s="369"/>
      <c r="J21" s="384" t="s">
        <v>502</v>
      </c>
      <c r="K21" s="372">
        <f>入力してください!G38</f>
        <v>0</v>
      </c>
      <c r="L21" s="372"/>
      <c r="M21" s="385" t="str">
        <f>入力してください!I38</f>
        <v>３つの疾病を申請する際は、こちらにも入力してください</v>
      </c>
      <c r="N21" s="385"/>
      <c r="O21" s="385"/>
      <c r="P21" s="385"/>
      <c r="Q21" s="385"/>
      <c r="R21" s="385"/>
      <c r="S21" s="385"/>
      <c r="T21" s="385"/>
      <c r="U21" s="385"/>
      <c r="V21" s="385"/>
      <c r="W21" s="385"/>
      <c r="X21" s="385"/>
      <c r="Y21" s="385"/>
      <c r="Z21" s="385"/>
      <c r="AA21" s="385"/>
      <c r="AB21" s="385"/>
      <c r="AC21" s="385"/>
      <c r="AD21" s="385"/>
      <c r="AE21" s="385"/>
      <c r="AF21" s="385"/>
      <c r="AG21" s="385"/>
      <c r="AH21" s="385"/>
      <c r="AI21" s="385"/>
      <c r="AJ21" s="385"/>
      <c r="AK21" s="385"/>
      <c r="AL21" s="386"/>
      <c r="AM21" s="422"/>
      <c r="AN21" s="422"/>
      <c r="AO21" s="257"/>
      <c r="AP21" s="257"/>
      <c r="AQ21" s="301"/>
      <c r="AR21" s="302"/>
      <c r="AS21" s="302"/>
      <c r="AT21" s="302"/>
      <c r="AU21" s="302"/>
      <c r="AV21" s="302"/>
      <c r="AW21" s="302"/>
      <c r="AX21" s="302"/>
      <c r="AY21" s="302"/>
      <c r="AZ21" s="302"/>
      <c r="BA21" s="301"/>
      <c r="BB21" s="302"/>
      <c r="BC21" s="302"/>
      <c r="BD21" s="302"/>
      <c r="BE21" s="302"/>
      <c r="BF21" s="302"/>
      <c r="BG21" s="303"/>
      <c r="BH21" s="226"/>
      <c r="BI21" s="226"/>
      <c r="BJ21" s="226"/>
      <c r="BK21" s="226"/>
      <c r="BL21" s="226"/>
      <c r="BM21" s="226"/>
      <c r="BN21" s="226"/>
      <c r="BO21" s="226"/>
      <c r="BP21" s="226"/>
      <c r="BQ21" s="226"/>
      <c r="BR21" s="226"/>
      <c r="BS21" s="226"/>
      <c r="BT21" s="226"/>
      <c r="BU21" s="226"/>
      <c r="BV21" s="226"/>
      <c r="BW21" s="226"/>
      <c r="BX21" s="226"/>
      <c r="BY21" s="21"/>
    </row>
    <row r="22" spans="1:77" s="3" customFormat="1" ht="30" customHeight="1" x14ac:dyDescent="0.2">
      <c r="A22" s="676"/>
      <c r="B22" s="676"/>
      <c r="C22" s="677" t="s">
        <v>551</v>
      </c>
      <c r="D22" s="678"/>
      <c r="E22" s="678"/>
      <c r="F22" s="678"/>
      <c r="G22" s="678"/>
      <c r="H22" s="678"/>
      <c r="I22" s="425"/>
      <c r="J22" s="371">
        <f>入力してください!G39</f>
        <v>0</v>
      </c>
      <c r="K22" s="372"/>
      <c r="L22" s="372"/>
      <c r="M22" s="372"/>
      <c r="N22" s="372"/>
      <c r="O22" s="372"/>
      <c r="P22" s="372"/>
      <c r="Q22" s="372"/>
      <c r="R22" s="372"/>
      <c r="S22" s="372"/>
      <c r="T22" s="372"/>
      <c r="U22" s="372"/>
      <c r="V22" s="372"/>
      <c r="W22" s="372"/>
      <c r="X22" s="372"/>
      <c r="Y22" s="372"/>
      <c r="Z22" s="372"/>
      <c r="AA22" s="372"/>
      <c r="AB22" s="372"/>
      <c r="AC22" s="372"/>
      <c r="AD22" s="372"/>
      <c r="AE22" s="372"/>
      <c r="AF22" s="372"/>
      <c r="AG22" s="372"/>
      <c r="AH22" s="372"/>
      <c r="AI22" s="372"/>
      <c r="AJ22" s="372"/>
      <c r="AK22" s="372"/>
      <c r="AL22" s="373"/>
      <c r="AM22" s="422"/>
      <c r="AN22" s="422"/>
      <c r="AO22" s="422" t="s">
        <v>152</v>
      </c>
      <c r="AP22" s="422"/>
      <c r="AQ22" s="223">
        <f>入力してください!Q80</f>
        <v>0</v>
      </c>
      <c r="AR22" s="281"/>
      <c r="AS22" s="281"/>
      <c r="AT22" s="281"/>
      <c r="AU22" s="281"/>
      <c r="AV22" s="281"/>
      <c r="AW22" s="281"/>
      <c r="AX22" s="281"/>
      <c r="AY22" s="281"/>
      <c r="AZ22" s="281"/>
      <c r="BA22" s="281"/>
      <c r="BB22" s="281"/>
      <c r="BC22" s="281"/>
      <c r="BD22" s="281"/>
      <c r="BE22" s="281"/>
      <c r="BF22" s="281"/>
      <c r="BG22" s="282"/>
      <c r="BH22" s="226"/>
      <c r="BI22" s="226"/>
      <c r="BJ22" s="298">
        <f>入力してください!AC80</f>
        <v>0</v>
      </c>
      <c r="BK22" s="281"/>
      <c r="BL22" s="281"/>
      <c r="BM22" s="281"/>
      <c r="BN22" s="281"/>
      <c r="BO22" s="281"/>
      <c r="BP22" s="281"/>
      <c r="BQ22" s="281"/>
      <c r="BR22" s="281"/>
      <c r="BS22" s="281"/>
      <c r="BT22" s="281"/>
      <c r="BU22" s="282"/>
      <c r="BV22" s="226"/>
      <c r="BW22" s="226"/>
      <c r="BX22" s="226"/>
      <c r="BY22" s="21"/>
    </row>
    <row r="23" spans="1:77" s="3" customFormat="1" ht="24.5" customHeight="1" x14ac:dyDescent="0.2">
      <c r="A23" s="676"/>
      <c r="B23" s="676"/>
      <c r="C23" s="334" t="s">
        <v>552</v>
      </c>
      <c r="D23" s="334"/>
      <c r="E23" s="334"/>
      <c r="F23" s="334"/>
      <c r="G23" s="334"/>
      <c r="H23" s="334"/>
      <c r="I23" s="369"/>
      <c r="J23" s="329">
        <f>入力してください!G40</f>
        <v>0</v>
      </c>
      <c r="K23" s="254"/>
      <c r="L23" s="254"/>
      <c r="M23" s="254"/>
      <c r="N23" s="343" t="s">
        <v>129</v>
      </c>
      <c r="O23" s="254">
        <f>入力してください!K40</f>
        <v>0</v>
      </c>
      <c r="P23" s="254"/>
      <c r="Q23" s="343" t="s">
        <v>567</v>
      </c>
      <c r="R23" s="254">
        <f>入力してください!P40</f>
        <v>0</v>
      </c>
      <c r="S23" s="254"/>
      <c r="T23" s="343" t="s">
        <v>130</v>
      </c>
      <c r="U23" s="685" t="s">
        <v>504</v>
      </c>
      <c r="V23" s="686"/>
      <c r="W23" s="686"/>
      <c r="X23" s="686"/>
      <c r="Y23" s="686"/>
      <c r="Z23" s="686"/>
      <c r="AA23" s="686"/>
      <c r="AB23" s="686"/>
      <c r="AC23" s="686"/>
      <c r="AD23" s="686"/>
      <c r="AE23" s="686"/>
      <c r="AF23" s="686"/>
      <c r="AG23" s="686"/>
      <c r="AH23" s="686"/>
      <c r="AI23" s="686"/>
      <c r="AJ23" s="686"/>
      <c r="AK23" s="686"/>
      <c r="AL23" s="687"/>
      <c r="AM23" s="424" t="s">
        <v>526</v>
      </c>
      <c r="AN23" s="424"/>
      <c r="AO23" s="424"/>
      <c r="AP23" s="424"/>
      <c r="AQ23" s="424"/>
      <c r="AR23" s="424"/>
      <c r="AS23" s="424"/>
      <c r="AT23" s="424"/>
      <c r="AU23" s="424"/>
      <c r="AV23" s="424"/>
      <c r="AW23" s="424"/>
      <c r="AX23" s="424"/>
      <c r="AY23" s="424"/>
      <c r="AZ23" s="424"/>
      <c r="BA23" s="424"/>
      <c r="BB23" s="424"/>
      <c r="BC23" s="424"/>
      <c r="BD23" s="424"/>
      <c r="BE23" s="424"/>
      <c r="BF23" s="424"/>
      <c r="BG23" s="424"/>
      <c r="BH23" s="424"/>
      <c r="BI23" s="424"/>
      <c r="BJ23" s="424"/>
      <c r="BK23" s="424"/>
      <c r="BL23" s="424"/>
      <c r="BM23" s="424"/>
      <c r="BN23" s="424"/>
      <c r="BO23" s="424"/>
      <c r="BP23" s="424"/>
      <c r="BQ23" s="424"/>
      <c r="BR23" s="424"/>
      <c r="BS23" s="424"/>
      <c r="BT23" s="424"/>
      <c r="BU23" s="424"/>
      <c r="BV23" s="424"/>
      <c r="BW23" s="424"/>
      <c r="BX23" s="424"/>
      <c r="BY23" s="21"/>
    </row>
    <row r="24" spans="1:77" s="3" customFormat="1" ht="62" customHeight="1" x14ac:dyDescent="0.2">
      <c r="A24" s="676"/>
      <c r="B24" s="676"/>
      <c r="C24" s="387"/>
      <c r="D24" s="387"/>
      <c r="E24" s="387"/>
      <c r="F24" s="387"/>
      <c r="G24" s="387"/>
      <c r="H24" s="387"/>
      <c r="I24" s="348"/>
      <c r="J24" s="329"/>
      <c r="K24" s="254"/>
      <c r="L24" s="254"/>
      <c r="M24" s="254"/>
      <c r="N24" s="343"/>
      <c r="O24" s="254"/>
      <c r="P24" s="254"/>
      <c r="Q24" s="343"/>
      <c r="R24" s="388"/>
      <c r="S24" s="388"/>
      <c r="T24" s="343"/>
      <c r="U24" s="389" t="str">
        <f>IF(入力してください!G41="","",IF(入力してください!G41="その他",入力してください!G42,入力してください!G41))</f>
        <v/>
      </c>
      <c r="V24" s="390"/>
      <c r="W24" s="390"/>
      <c r="X24" s="390"/>
      <c r="Y24" s="390"/>
      <c r="Z24" s="390"/>
      <c r="AA24" s="390"/>
      <c r="AB24" s="390"/>
      <c r="AC24" s="390"/>
      <c r="AD24" s="390"/>
      <c r="AE24" s="390"/>
      <c r="AF24" s="390"/>
      <c r="AG24" s="390"/>
      <c r="AH24" s="390"/>
      <c r="AI24" s="390"/>
      <c r="AJ24" s="390"/>
      <c r="AK24" s="390"/>
      <c r="AL24" s="391"/>
      <c r="AM24" s="267">
        <f>入力してください!AC86</f>
        <v>0</v>
      </c>
      <c r="AN24" s="267"/>
      <c r="AO24" s="267"/>
      <c r="AP24" s="280" t="s">
        <v>525</v>
      </c>
      <c r="AQ24" s="280"/>
      <c r="AR24" s="280"/>
      <c r="AS24" s="280"/>
      <c r="AT24" s="280"/>
      <c r="AU24" s="280"/>
      <c r="AV24" s="280"/>
      <c r="AW24" s="280"/>
      <c r="AX24" s="280"/>
      <c r="AY24" s="280"/>
      <c r="AZ24" s="280"/>
      <c r="BA24" s="280"/>
      <c r="BB24" s="280"/>
      <c r="BC24" s="280"/>
      <c r="BD24" s="280"/>
      <c r="BE24" s="280"/>
      <c r="BF24" s="280"/>
      <c r="BG24" s="280"/>
      <c r="BH24" s="280"/>
      <c r="BI24" s="280"/>
      <c r="BJ24" s="280"/>
      <c r="BK24" s="280"/>
      <c r="BL24" s="280"/>
      <c r="BM24" s="280"/>
      <c r="BN24" s="280"/>
      <c r="BO24" s="280"/>
      <c r="BP24" s="280"/>
      <c r="BQ24" s="280"/>
      <c r="BR24" s="280"/>
      <c r="BS24" s="280"/>
      <c r="BT24" s="280"/>
      <c r="BU24" s="280"/>
      <c r="BV24" s="280"/>
      <c r="BW24" s="280"/>
      <c r="BX24" s="280"/>
      <c r="BY24" s="8"/>
    </row>
    <row r="25" spans="1:77" s="3" customFormat="1" ht="24.5" customHeight="1" x14ac:dyDescent="0.2">
      <c r="A25" s="676" t="s">
        <v>505</v>
      </c>
      <c r="B25" s="676"/>
      <c r="C25" s="408" t="s">
        <v>506</v>
      </c>
      <c r="D25" s="408"/>
      <c r="E25" s="408"/>
      <c r="F25" s="408"/>
      <c r="G25" s="408"/>
      <c r="H25" s="408"/>
      <c r="I25" s="408"/>
      <c r="J25" s="408"/>
      <c r="K25" s="408"/>
      <c r="L25" s="408"/>
      <c r="M25" s="408"/>
      <c r="N25" s="408"/>
      <c r="O25" s="408"/>
      <c r="P25" s="408"/>
      <c r="Q25" s="408"/>
      <c r="R25" s="408"/>
      <c r="S25" s="408"/>
      <c r="T25" s="408"/>
      <c r="U25" s="408"/>
      <c r="V25" s="408"/>
      <c r="W25" s="408"/>
      <c r="X25" s="408"/>
      <c r="Y25" s="408"/>
      <c r="Z25" s="408"/>
      <c r="AA25" s="408"/>
      <c r="AB25" s="408"/>
      <c r="AC25" s="408"/>
      <c r="AD25" s="408"/>
      <c r="AE25" s="408"/>
      <c r="AF25" s="408"/>
      <c r="AG25" s="408"/>
      <c r="AH25" s="408"/>
      <c r="AI25" s="408"/>
      <c r="AJ25" s="408"/>
      <c r="AK25" s="408"/>
      <c r="AL25" s="408"/>
      <c r="AM25" s="255" t="s">
        <v>573</v>
      </c>
      <c r="AN25" s="255"/>
      <c r="AO25" s="255"/>
      <c r="AP25" s="255"/>
      <c r="AQ25" s="255"/>
      <c r="AR25" s="255"/>
      <c r="AS25" s="255"/>
      <c r="AT25" s="255"/>
      <c r="AU25" s="255"/>
      <c r="AV25" s="255"/>
      <c r="AW25" s="255"/>
      <c r="AX25" s="255"/>
      <c r="AY25" s="255"/>
      <c r="AZ25" s="255"/>
      <c r="BA25" s="255"/>
      <c r="BB25" s="255"/>
      <c r="BC25" s="255"/>
      <c r="BD25" s="255"/>
      <c r="BE25" s="255"/>
      <c r="BF25" s="255"/>
      <c r="BG25" s="255"/>
      <c r="BH25" s="255"/>
      <c r="BI25" s="255"/>
      <c r="BJ25" s="255"/>
      <c r="BK25" s="255"/>
      <c r="BL25" s="255"/>
      <c r="BM25" s="255"/>
      <c r="BN25" s="255"/>
      <c r="BO25" s="255"/>
      <c r="BP25" s="255"/>
      <c r="BQ25" s="255"/>
      <c r="BR25" s="255"/>
      <c r="BS25" s="255"/>
      <c r="BT25" s="255"/>
      <c r="BU25" s="255"/>
      <c r="BV25" s="255"/>
      <c r="BW25" s="255"/>
      <c r="BX25" s="255"/>
      <c r="BY25" s="8"/>
    </row>
    <row r="26" spans="1:77" s="3" customFormat="1" ht="24.5" customHeight="1" x14ac:dyDescent="0.2">
      <c r="A26" s="676"/>
      <c r="B26" s="676"/>
      <c r="C26" s="370" t="s">
        <v>126</v>
      </c>
      <c r="D26" s="334"/>
      <c r="E26" s="334"/>
      <c r="F26" s="334"/>
      <c r="G26" s="334"/>
      <c r="H26" s="400">
        <f>入力してください!G45</f>
        <v>0</v>
      </c>
      <c r="I26" s="401"/>
      <c r="J26" s="401"/>
      <c r="K26" s="401"/>
      <c r="L26" s="401"/>
      <c r="M26" s="401"/>
      <c r="N26" s="401"/>
      <c r="O26" s="401"/>
      <c r="P26" s="401"/>
      <c r="Q26" s="402"/>
      <c r="R26" s="688" t="s">
        <v>571</v>
      </c>
      <c r="S26" s="283">
        <f>入力してください!G46</f>
        <v>0</v>
      </c>
      <c r="T26" s="330"/>
      <c r="U26" s="333" t="s">
        <v>507</v>
      </c>
      <c r="V26" s="333"/>
      <c r="W26" s="333"/>
      <c r="X26" s="333"/>
      <c r="Y26" s="333"/>
      <c r="Z26" s="392">
        <f>入力してください!G49</f>
        <v>0</v>
      </c>
      <c r="AA26" s="393"/>
      <c r="AB26" s="393"/>
      <c r="AC26" s="393"/>
      <c r="AD26" s="393"/>
      <c r="AE26" s="393"/>
      <c r="AF26" s="393"/>
      <c r="AG26" s="393"/>
      <c r="AH26" s="393"/>
      <c r="AI26" s="393"/>
      <c r="AJ26" s="393"/>
      <c r="AK26" s="393"/>
      <c r="AL26" s="393"/>
      <c r="AM26" s="255" t="s">
        <v>524</v>
      </c>
      <c r="AN26" s="255"/>
      <c r="AO26" s="255"/>
      <c r="AP26" s="255"/>
      <c r="AQ26" s="255"/>
      <c r="AR26" s="255"/>
      <c r="AS26" s="255"/>
      <c r="AT26" s="255"/>
      <c r="AU26" s="255"/>
      <c r="AV26" s="255"/>
      <c r="AW26" s="255"/>
      <c r="AX26" s="255"/>
      <c r="AY26" s="255"/>
      <c r="AZ26" s="255"/>
      <c r="BA26" s="255"/>
      <c r="BB26" s="255"/>
      <c r="BC26" s="255"/>
      <c r="BD26" s="255"/>
      <c r="BE26" s="255"/>
      <c r="BF26" s="255"/>
      <c r="BG26" s="255"/>
      <c r="BH26" s="255"/>
      <c r="BI26" s="255"/>
      <c r="BJ26" s="255"/>
      <c r="BK26" s="255"/>
      <c r="BL26" s="255"/>
      <c r="BM26" s="255"/>
      <c r="BN26" s="255"/>
      <c r="BO26" s="255"/>
      <c r="BP26" s="255"/>
      <c r="BQ26" s="255"/>
      <c r="BR26" s="255"/>
      <c r="BS26" s="255"/>
      <c r="BT26" s="255"/>
      <c r="BU26" s="255"/>
      <c r="BV26" s="255"/>
      <c r="BW26" s="255"/>
      <c r="BX26" s="255"/>
    </row>
    <row r="27" spans="1:77" s="3" customFormat="1" ht="24.5" customHeight="1" x14ac:dyDescent="0.2">
      <c r="A27" s="676"/>
      <c r="B27" s="676"/>
      <c r="C27" s="334" t="s">
        <v>508</v>
      </c>
      <c r="D27" s="334"/>
      <c r="E27" s="334"/>
      <c r="F27" s="334"/>
      <c r="G27" s="369"/>
      <c r="H27" s="394" t="s">
        <v>131</v>
      </c>
      <c r="I27" s="395">
        <f>入力してください!G47</f>
        <v>0</v>
      </c>
      <c r="J27" s="396"/>
      <c r="K27" s="396"/>
      <c r="L27" s="396"/>
      <c r="M27" s="396"/>
      <c r="N27" s="396"/>
      <c r="O27" s="396"/>
      <c r="P27" s="396"/>
      <c r="Q27" s="396"/>
      <c r="R27" s="396"/>
      <c r="S27" s="396"/>
      <c r="T27" s="396"/>
      <c r="U27" s="396"/>
      <c r="V27" s="396"/>
      <c r="W27" s="396"/>
      <c r="X27" s="396"/>
      <c r="Y27" s="396"/>
      <c r="Z27" s="396"/>
      <c r="AA27" s="396"/>
      <c r="AB27" s="396"/>
      <c r="AC27" s="396"/>
      <c r="AD27" s="396"/>
      <c r="AE27" s="396"/>
      <c r="AF27" s="396"/>
      <c r="AG27" s="396"/>
      <c r="AH27" s="396"/>
      <c r="AI27" s="396"/>
      <c r="AJ27" s="396"/>
      <c r="AK27" s="396"/>
      <c r="AL27" s="397"/>
      <c r="AM27" s="420" t="s">
        <v>553</v>
      </c>
      <c r="AN27" s="420"/>
      <c r="AO27" s="420"/>
      <c r="AP27" s="420"/>
      <c r="AQ27" s="420"/>
      <c r="AR27" s="420"/>
      <c r="AS27" s="420"/>
      <c r="AT27" s="420"/>
      <c r="AU27" s="420"/>
      <c r="AV27" s="420"/>
      <c r="AW27" s="420"/>
      <c r="AX27" s="420"/>
      <c r="AY27" s="420"/>
      <c r="AZ27" s="420"/>
      <c r="BA27" s="420"/>
      <c r="BB27" s="420"/>
      <c r="BC27" s="420"/>
      <c r="BD27" s="420"/>
      <c r="BE27" s="420"/>
      <c r="BF27" s="420"/>
      <c r="BG27" s="420"/>
      <c r="BH27" s="420"/>
      <c r="BI27" s="420"/>
      <c r="BJ27" s="420"/>
      <c r="BK27" s="420"/>
      <c r="BL27" s="420"/>
      <c r="BM27" s="420"/>
      <c r="BN27" s="420"/>
      <c r="BO27" s="420"/>
      <c r="BP27" s="420"/>
      <c r="BQ27" s="420"/>
      <c r="BR27" s="420"/>
      <c r="BS27" s="420"/>
      <c r="BT27" s="227" t="s">
        <v>523</v>
      </c>
      <c r="BU27" s="228"/>
      <c r="BV27" s="228"/>
      <c r="BW27" s="228"/>
      <c r="BX27" s="229"/>
    </row>
    <row r="28" spans="1:77" s="3" customFormat="1" ht="35" customHeight="1" x14ac:dyDescent="0.2">
      <c r="A28" s="676"/>
      <c r="B28" s="676"/>
      <c r="C28" s="387"/>
      <c r="D28" s="387"/>
      <c r="E28" s="387"/>
      <c r="F28" s="387"/>
      <c r="G28" s="348"/>
      <c r="H28" s="398">
        <f>入力してください!G48</f>
        <v>0</v>
      </c>
      <c r="I28" s="399"/>
      <c r="J28" s="399"/>
      <c r="K28" s="399"/>
      <c r="L28" s="399"/>
      <c r="M28" s="399"/>
      <c r="N28" s="399"/>
      <c r="O28" s="399"/>
      <c r="P28" s="399"/>
      <c r="Q28" s="399"/>
      <c r="R28" s="399"/>
      <c r="S28" s="399"/>
      <c r="T28" s="399"/>
      <c r="U28" s="399"/>
      <c r="V28" s="399"/>
      <c r="W28" s="399"/>
      <c r="X28" s="399"/>
      <c r="Y28" s="399"/>
      <c r="Z28" s="399"/>
      <c r="AA28" s="399"/>
      <c r="AB28" s="399"/>
      <c r="AC28" s="399"/>
      <c r="AD28" s="399"/>
      <c r="AE28" s="399"/>
      <c r="AF28" s="399"/>
      <c r="AG28" s="399"/>
      <c r="AH28" s="399"/>
      <c r="AI28" s="399"/>
      <c r="AJ28" s="399"/>
      <c r="AK28" s="399"/>
      <c r="AL28" s="399"/>
      <c r="AM28" s="420" t="s">
        <v>555</v>
      </c>
      <c r="AN28" s="420"/>
      <c r="AO28" s="420"/>
      <c r="AP28" s="420"/>
      <c r="AQ28" s="420"/>
      <c r="AR28" s="420"/>
      <c r="AS28" s="420"/>
      <c r="AT28" s="420"/>
      <c r="AU28" s="420"/>
      <c r="AV28" s="420"/>
      <c r="AW28" s="420"/>
      <c r="AX28" s="420"/>
      <c r="AY28" s="420"/>
      <c r="AZ28" s="420"/>
      <c r="BA28" s="420"/>
      <c r="BB28" s="420"/>
      <c r="BC28" s="420"/>
      <c r="BD28" s="420"/>
      <c r="BE28" s="420"/>
      <c r="BF28" s="420"/>
      <c r="BG28" s="420"/>
      <c r="BH28" s="420"/>
      <c r="BI28" s="420"/>
      <c r="BJ28" s="420"/>
      <c r="BK28" s="420"/>
      <c r="BL28" s="420"/>
      <c r="BM28" s="420"/>
      <c r="BN28" s="420"/>
      <c r="BO28" s="420"/>
      <c r="BP28" s="420"/>
      <c r="BQ28" s="420"/>
      <c r="BR28" s="420"/>
      <c r="BS28" s="420"/>
      <c r="BT28" s="230"/>
      <c r="BU28" s="231"/>
      <c r="BV28" s="231"/>
      <c r="BW28" s="231"/>
      <c r="BX28" s="232"/>
    </row>
    <row r="29" spans="1:77" s="3" customFormat="1" ht="24.5" customHeight="1" x14ac:dyDescent="0.2">
      <c r="A29" s="676" t="s">
        <v>509</v>
      </c>
      <c r="B29" s="676"/>
      <c r="C29" s="334" t="s">
        <v>510</v>
      </c>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4"/>
      <c r="AE29" s="334"/>
      <c r="AF29" s="334"/>
      <c r="AG29" s="334"/>
      <c r="AH29" s="334"/>
      <c r="AI29" s="334"/>
      <c r="AJ29" s="334"/>
      <c r="AK29" s="334"/>
      <c r="AL29" s="334"/>
      <c r="AM29" s="426" t="s">
        <v>556</v>
      </c>
      <c r="AN29" s="427"/>
      <c r="AO29" s="427"/>
      <c r="AP29" s="427"/>
      <c r="AQ29" s="427"/>
      <c r="AR29" s="427"/>
      <c r="AS29" s="427"/>
      <c r="AT29" s="427"/>
      <c r="AU29" s="427"/>
      <c r="AV29" s="427"/>
      <c r="AW29" s="427"/>
      <c r="AX29" s="427"/>
      <c r="AY29" s="427"/>
      <c r="AZ29" s="427"/>
      <c r="BA29" s="427"/>
      <c r="BB29" s="427"/>
      <c r="BC29" s="427"/>
      <c r="BD29" s="427"/>
      <c r="BE29" s="427"/>
      <c r="BF29" s="427"/>
      <c r="BG29" s="427"/>
      <c r="BH29" s="427"/>
      <c r="BI29" s="427"/>
      <c r="BJ29" s="427"/>
      <c r="BK29" s="427"/>
      <c r="BL29" s="427"/>
      <c r="BM29" s="427"/>
      <c r="BN29" s="427"/>
      <c r="BO29" s="427"/>
      <c r="BP29" s="427"/>
      <c r="BQ29" s="427"/>
      <c r="BR29" s="427"/>
      <c r="BS29" s="428"/>
      <c r="BT29" s="230"/>
      <c r="BU29" s="231"/>
      <c r="BV29" s="231"/>
      <c r="BW29" s="231"/>
      <c r="BX29" s="232"/>
    </row>
    <row r="30" spans="1:77" s="3" customFormat="1" ht="24.5" customHeight="1" x14ac:dyDescent="0.2">
      <c r="A30" s="676"/>
      <c r="B30" s="676"/>
      <c r="C30" s="267">
        <f>入力してください!G54</f>
        <v>0</v>
      </c>
      <c r="D30" s="267"/>
      <c r="E30" s="267"/>
      <c r="F30" s="334" t="s">
        <v>514</v>
      </c>
      <c r="G30" s="334"/>
      <c r="H30" s="334"/>
      <c r="I30" s="334"/>
      <c r="J30" s="334"/>
      <c r="K30" s="334"/>
      <c r="L30" s="334"/>
      <c r="M30" s="334"/>
      <c r="N30" s="334"/>
      <c r="O30" s="334"/>
      <c r="P30" s="334"/>
      <c r="Q30" s="334"/>
      <c r="R30" s="334"/>
      <c r="S30" s="334"/>
      <c r="T30" s="334"/>
      <c r="U30" s="267">
        <f>入力してください!G56</f>
        <v>0</v>
      </c>
      <c r="V30" s="267"/>
      <c r="W30" s="267"/>
      <c r="X30" s="334" t="s">
        <v>512</v>
      </c>
      <c r="Y30" s="334"/>
      <c r="Z30" s="334"/>
      <c r="AA30" s="334"/>
      <c r="AB30" s="334"/>
      <c r="AC30" s="334"/>
      <c r="AD30" s="334"/>
      <c r="AE30" s="334"/>
      <c r="AF30" s="334"/>
      <c r="AG30" s="334"/>
      <c r="AH30" s="334"/>
      <c r="AI30" s="334"/>
      <c r="AJ30" s="334"/>
      <c r="AK30" s="334"/>
      <c r="AL30" s="334"/>
      <c r="AM30" s="429"/>
      <c r="AN30" s="430"/>
      <c r="AO30" s="430"/>
      <c r="AP30" s="430"/>
      <c r="AQ30" s="430"/>
      <c r="AR30" s="430"/>
      <c r="AS30" s="430"/>
      <c r="AT30" s="430"/>
      <c r="AU30" s="430"/>
      <c r="AV30" s="430"/>
      <c r="AW30" s="430"/>
      <c r="AX30" s="430"/>
      <c r="AY30" s="430"/>
      <c r="AZ30" s="430"/>
      <c r="BA30" s="430"/>
      <c r="BB30" s="430"/>
      <c r="BC30" s="430"/>
      <c r="BD30" s="430"/>
      <c r="BE30" s="430"/>
      <c r="BF30" s="430"/>
      <c r="BG30" s="430"/>
      <c r="BH30" s="430"/>
      <c r="BI30" s="430"/>
      <c r="BJ30" s="430"/>
      <c r="BK30" s="430"/>
      <c r="BL30" s="430"/>
      <c r="BM30" s="430"/>
      <c r="BN30" s="430"/>
      <c r="BO30" s="430"/>
      <c r="BP30" s="430"/>
      <c r="BQ30" s="430"/>
      <c r="BR30" s="430"/>
      <c r="BS30" s="431"/>
      <c r="BT30" s="233"/>
      <c r="BU30" s="234"/>
      <c r="BV30" s="234"/>
      <c r="BW30" s="234"/>
      <c r="BX30" s="235"/>
    </row>
    <row r="31" spans="1:77" s="3" customFormat="1" ht="24.5" customHeight="1" x14ac:dyDescent="0.2">
      <c r="A31" s="676"/>
      <c r="B31" s="676"/>
      <c r="C31" s="267">
        <f>入力してください!G55</f>
        <v>0</v>
      </c>
      <c r="D31" s="267"/>
      <c r="E31" s="267"/>
      <c r="F31" s="334" t="s">
        <v>515</v>
      </c>
      <c r="G31" s="334"/>
      <c r="H31" s="334"/>
      <c r="I31" s="334"/>
      <c r="J31" s="334"/>
      <c r="K31" s="334"/>
      <c r="L31" s="334"/>
      <c r="M31" s="334"/>
      <c r="N31" s="334"/>
      <c r="O31" s="334"/>
      <c r="P31" s="334"/>
      <c r="Q31" s="334"/>
      <c r="R31" s="334"/>
      <c r="S31" s="334"/>
      <c r="T31" s="334"/>
      <c r="U31" s="267">
        <f>入力してください!G57</f>
        <v>0</v>
      </c>
      <c r="V31" s="267"/>
      <c r="W31" s="267"/>
      <c r="X31" s="405" t="s">
        <v>513</v>
      </c>
      <c r="Y31" s="406"/>
      <c r="Z31" s="406"/>
      <c r="AA31" s="406"/>
      <c r="AB31" s="406"/>
      <c r="AC31" s="406"/>
      <c r="AD31" s="406"/>
      <c r="AE31" s="406"/>
      <c r="AF31" s="406"/>
      <c r="AG31" s="406"/>
      <c r="AH31" s="406"/>
      <c r="AI31" s="406"/>
      <c r="AJ31" s="406"/>
      <c r="AK31" s="406"/>
      <c r="AL31" s="407"/>
      <c r="AM31" s="426" t="s">
        <v>557</v>
      </c>
      <c r="AN31" s="427"/>
      <c r="AO31" s="427"/>
      <c r="AP31" s="427"/>
      <c r="AQ31" s="427"/>
      <c r="AR31" s="427"/>
      <c r="AS31" s="427"/>
      <c r="AT31" s="427"/>
      <c r="AU31" s="427"/>
      <c r="AV31" s="427"/>
      <c r="AW31" s="427"/>
      <c r="AX31" s="427"/>
      <c r="AY31" s="427"/>
      <c r="AZ31" s="427"/>
      <c r="BA31" s="427"/>
      <c r="BB31" s="427"/>
      <c r="BC31" s="427"/>
      <c r="BD31" s="427"/>
      <c r="BE31" s="427"/>
      <c r="BF31" s="427"/>
      <c r="BG31" s="427"/>
      <c r="BH31" s="427"/>
      <c r="BI31" s="427"/>
      <c r="BJ31" s="427"/>
      <c r="BK31" s="427"/>
      <c r="BL31" s="427"/>
      <c r="BM31" s="427"/>
      <c r="BN31" s="427"/>
      <c r="BO31" s="427"/>
      <c r="BP31" s="427"/>
      <c r="BQ31" s="427"/>
      <c r="BR31" s="427"/>
      <c r="BS31" s="428"/>
      <c r="BT31" s="304">
        <f>入力してください!AC93</f>
        <v>0</v>
      </c>
      <c r="BU31" s="305"/>
      <c r="BV31" s="305"/>
      <c r="BW31" s="305"/>
      <c r="BX31" s="306"/>
    </row>
    <row r="32" spans="1:77" s="3" customFormat="1" ht="24.5" customHeight="1" x14ac:dyDescent="0.2">
      <c r="A32" s="676"/>
      <c r="B32" s="676"/>
      <c r="C32" s="334" t="s">
        <v>511</v>
      </c>
      <c r="D32" s="334"/>
      <c r="E32" s="334"/>
      <c r="F32" s="334"/>
      <c r="G32" s="334"/>
      <c r="H32" s="334"/>
      <c r="I32" s="334"/>
      <c r="J32" s="334"/>
      <c r="K32" s="334"/>
      <c r="L32" s="334"/>
      <c r="M32" s="334"/>
      <c r="N32" s="334"/>
      <c r="O32" s="334"/>
      <c r="P32" s="334"/>
      <c r="Q32" s="334"/>
      <c r="R32" s="334"/>
      <c r="S32" s="334"/>
      <c r="T32" s="334"/>
      <c r="U32" s="334"/>
      <c r="V32" s="334"/>
      <c r="W32" s="334"/>
      <c r="X32" s="334"/>
      <c r="Y32" s="334"/>
      <c r="Z32" s="334"/>
      <c r="AA32" s="334"/>
      <c r="AB32" s="334"/>
      <c r="AC32" s="334"/>
      <c r="AD32" s="334"/>
      <c r="AE32" s="334"/>
      <c r="AF32" s="334"/>
      <c r="AG32" s="334"/>
      <c r="AH32" s="334"/>
      <c r="AI32" s="334"/>
      <c r="AJ32" s="334"/>
      <c r="AK32" s="334"/>
      <c r="AL32" s="334"/>
      <c r="AM32" s="429"/>
      <c r="AN32" s="430"/>
      <c r="AO32" s="430"/>
      <c r="AP32" s="430"/>
      <c r="AQ32" s="430"/>
      <c r="AR32" s="430"/>
      <c r="AS32" s="430"/>
      <c r="AT32" s="430"/>
      <c r="AU32" s="430"/>
      <c r="AV32" s="430"/>
      <c r="AW32" s="430"/>
      <c r="AX32" s="430"/>
      <c r="AY32" s="430"/>
      <c r="AZ32" s="430"/>
      <c r="BA32" s="430"/>
      <c r="BB32" s="430"/>
      <c r="BC32" s="430"/>
      <c r="BD32" s="430"/>
      <c r="BE32" s="430"/>
      <c r="BF32" s="430"/>
      <c r="BG32" s="430"/>
      <c r="BH32" s="430"/>
      <c r="BI32" s="430"/>
      <c r="BJ32" s="430"/>
      <c r="BK32" s="430"/>
      <c r="BL32" s="430"/>
      <c r="BM32" s="430"/>
      <c r="BN32" s="430"/>
      <c r="BO32" s="430"/>
      <c r="BP32" s="430"/>
      <c r="BQ32" s="430"/>
      <c r="BR32" s="430"/>
      <c r="BS32" s="431"/>
      <c r="BT32" s="307"/>
      <c r="BU32" s="308"/>
      <c r="BV32" s="308"/>
      <c r="BW32" s="308"/>
      <c r="BX32" s="309"/>
    </row>
    <row r="33" spans="1:77" s="3" customFormat="1" ht="24.5" customHeight="1" x14ac:dyDescent="0.2">
      <c r="A33" s="676"/>
      <c r="B33" s="676"/>
      <c r="C33" s="333" t="s">
        <v>516</v>
      </c>
      <c r="D33" s="333"/>
      <c r="E33" s="333"/>
      <c r="F33" s="286" t="str">
        <f>IF(入力してください!R61="","",IF(入力してください!R61="その他の給付金等",入力してください!R62,入力してください!R61))</f>
        <v/>
      </c>
      <c r="G33" s="286"/>
      <c r="H33" s="286"/>
      <c r="I33" s="286"/>
      <c r="J33" s="286"/>
      <c r="K33" s="286"/>
      <c r="L33" s="286"/>
      <c r="M33" s="286"/>
      <c r="N33" s="286"/>
      <c r="O33" s="286"/>
      <c r="P33" s="286"/>
      <c r="Q33" s="286"/>
      <c r="R33" s="286"/>
      <c r="S33" s="286"/>
      <c r="T33" s="286"/>
      <c r="U33" s="333" t="s">
        <v>517</v>
      </c>
      <c r="V33" s="333"/>
      <c r="W33" s="333"/>
      <c r="X33" s="286">
        <f>入力してください!R63</f>
        <v>0</v>
      </c>
      <c r="Y33" s="286"/>
      <c r="Z33" s="286"/>
      <c r="AA33" s="286"/>
      <c r="AB33" s="286"/>
      <c r="AC33" s="286"/>
      <c r="AD33" s="286"/>
      <c r="AE33" s="286"/>
      <c r="AF33" s="286"/>
      <c r="AG33" s="286"/>
      <c r="AH33" s="286"/>
      <c r="AI33" s="286"/>
      <c r="AJ33" s="286"/>
      <c r="AK33" s="286"/>
      <c r="AL33" s="286"/>
      <c r="AM33" s="420" t="s">
        <v>554</v>
      </c>
      <c r="AN33" s="420"/>
      <c r="AO33" s="420"/>
      <c r="AP33" s="420"/>
      <c r="AQ33" s="420"/>
      <c r="AR33" s="420"/>
      <c r="AS33" s="420"/>
      <c r="AT33" s="420"/>
      <c r="AU33" s="420"/>
      <c r="AV33" s="420"/>
      <c r="AW33" s="420"/>
      <c r="AX33" s="420"/>
      <c r="AY33" s="420"/>
      <c r="AZ33" s="420"/>
      <c r="BA33" s="420"/>
      <c r="BB33" s="420"/>
      <c r="BC33" s="420"/>
      <c r="BD33" s="420"/>
      <c r="BE33" s="420"/>
      <c r="BF33" s="420"/>
      <c r="BG33" s="420"/>
      <c r="BH33" s="420"/>
      <c r="BI33" s="420"/>
      <c r="BJ33" s="420"/>
      <c r="BK33" s="420"/>
      <c r="BL33" s="420"/>
      <c r="BM33" s="420"/>
      <c r="BN33" s="420"/>
      <c r="BO33" s="420"/>
      <c r="BP33" s="420"/>
      <c r="BQ33" s="420"/>
      <c r="BR33" s="420"/>
      <c r="BS33" s="420"/>
      <c r="BT33" s="331">
        <f>入力してください!AC94</f>
        <v>0</v>
      </c>
      <c r="BU33" s="331"/>
      <c r="BV33" s="331"/>
      <c r="BW33" s="331"/>
      <c r="BX33" s="331"/>
    </row>
    <row r="34" spans="1:77" s="3" customFormat="1" ht="23" customHeight="1" x14ac:dyDescent="0.2">
      <c r="A34" s="676"/>
      <c r="B34" s="676"/>
      <c r="C34" s="408" t="s">
        <v>587</v>
      </c>
      <c r="D34" s="408"/>
      <c r="E34" s="408"/>
      <c r="F34" s="286">
        <f>入力してください!R64</f>
        <v>0</v>
      </c>
      <c r="G34" s="286"/>
      <c r="H34" s="286"/>
      <c r="I34" s="286"/>
      <c r="J34" s="286"/>
      <c r="K34" s="286"/>
      <c r="L34" s="286"/>
      <c r="M34" s="286"/>
      <c r="N34" s="286"/>
      <c r="O34" s="286"/>
      <c r="P34" s="286"/>
      <c r="Q34" s="286"/>
      <c r="R34" s="286"/>
      <c r="S34" s="286"/>
      <c r="T34" s="286"/>
      <c r="U34" s="286"/>
      <c r="V34" s="286"/>
      <c r="W34" s="286"/>
      <c r="X34" s="286"/>
      <c r="Y34" s="286"/>
      <c r="Z34" s="286"/>
      <c r="AA34" s="286"/>
      <c r="AB34" s="286"/>
      <c r="AC34" s="286"/>
      <c r="AD34" s="286"/>
      <c r="AE34" s="286"/>
      <c r="AF34" s="286"/>
      <c r="AG34" s="286"/>
      <c r="AH34" s="286"/>
      <c r="AI34" s="286"/>
      <c r="AJ34" s="286"/>
      <c r="AK34" s="286"/>
      <c r="AL34" s="286"/>
      <c r="AM34" s="420" t="s">
        <v>558</v>
      </c>
      <c r="AN34" s="420"/>
      <c r="AO34" s="420"/>
      <c r="AP34" s="420"/>
      <c r="AQ34" s="420"/>
      <c r="AR34" s="420"/>
      <c r="AS34" s="420"/>
      <c r="AT34" s="420"/>
      <c r="AU34" s="420"/>
      <c r="AV34" s="420"/>
      <c r="AW34" s="420"/>
      <c r="AX34" s="420"/>
      <c r="AY34" s="420"/>
      <c r="AZ34" s="420"/>
      <c r="BA34" s="420"/>
      <c r="BB34" s="420"/>
      <c r="BC34" s="420"/>
      <c r="BD34" s="420"/>
      <c r="BE34" s="420"/>
      <c r="BF34" s="420"/>
      <c r="BG34" s="420"/>
      <c r="BH34" s="420"/>
      <c r="BI34" s="420"/>
      <c r="BJ34" s="420"/>
      <c r="BK34" s="420"/>
      <c r="BL34" s="420"/>
      <c r="BM34" s="420"/>
      <c r="BN34" s="420"/>
      <c r="BO34" s="420"/>
      <c r="BP34" s="420"/>
      <c r="BQ34" s="420"/>
      <c r="BR34" s="420"/>
      <c r="BS34" s="420"/>
      <c r="BT34" s="332">
        <f>入力してください!AC95</f>
        <v>0</v>
      </c>
      <c r="BU34" s="332"/>
      <c r="BV34" s="332"/>
      <c r="BW34" s="332"/>
      <c r="BX34" s="332"/>
    </row>
    <row r="35" spans="1:77" s="3" customFormat="1" ht="24.5" customHeight="1" x14ac:dyDescent="0.2">
      <c r="A35" s="226"/>
      <c r="B35" s="226"/>
      <c r="C35" s="226"/>
      <c r="D35" s="226"/>
      <c r="E35" s="226"/>
      <c r="F35" s="226"/>
      <c r="G35" s="226"/>
      <c r="H35" s="226"/>
      <c r="I35" s="226"/>
      <c r="J35" s="226"/>
      <c r="K35" s="226"/>
      <c r="L35" s="409" t="s">
        <v>550</v>
      </c>
      <c r="M35" s="225"/>
      <c r="N35" s="225"/>
      <c r="O35" s="225"/>
      <c r="P35" s="225"/>
      <c r="Q35" s="225"/>
      <c r="R35" s="225"/>
      <c r="S35" s="225"/>
      <c r="T35" s="225"/>
      <c r="U35" s="410" t="s">
        <v>549</v>
      </c>
      <c r="V35" s="225"/>
      <c r="W35" s="225"/>
      <c r="X35" s="225"/>
      <c r="Y35" s="225"/>
      <c r="Z35" s="225"/>
      <c r="AA35" s="225"/>
      <c r="AB35" s="225"/>
      <c r="AC35" s="225"/>
      <c r="AD35" s="411" t="s">
        <v>530</v>
      </c>
      <c r="AE35" s="411"/>
      <c r="AF35" s="411"/>
      <c r="AG35" s="411"/>
      <c r="AH35" s="411"/>
      <c r="AI35" s="411"/>
      <c r="AJ35" s="411"/>
      <c r="AK35" s="411"/>
      <c r="AL35" s="411"/>
      <c r="AM35" s="412" t="s">
        <v>530</v>
      </c>
      <c r="AN35" s="413"/>
      <c r="AO35" s="413"/>
      <c r="AP35" s="413"/>
      <c r="AQ35" s="413"/>
      <c r="AR35" s="413"/>
      <c r="AS35" s="413"/>
      <c r="AT35" s="413"/>
      <c r="AU35" s="413"/>
      <c r="AV35" s="413"/>
      <c r="AW35" s="413"/>
      <c r="AX35" s="413"/>
      <c r="AY35" s="413"/>
      <c r="AZ35" s="413"/>
      <c r="BA35" s="413"/>
      <c r="BB35" s="413"/>
      <c r="BC35" s="413"/>
      <c r="BD35" s="413"/>
      <c r="BE35" s="413"/>
      <c r="BF35" s="413"/>
      <c r="BG35" s="413"/>
      <c r="BH35" s="413"/>
      <c r="BI35" s="413"/>
      <c r="BJ35" s="413"/>
      <c r="BK35" s="413"/>
      <c r="BL35" s="413"/>
      <c r="BM35" s="413"/>
      <c r="BN35" s="413"/>
      <c r="BO35" s="413"/>
      <c r="BP35" s="413"/>
      <c r="BQ35" s="413"/>
      <c r="BR35" s="413"/>
      <c r="BS35" s="413"/>
      <c r="BT35" s="413"/>
      <c r="BU35" s="413"/>
      <c r="BV35" s="413"/>
      <c r="BW35" s="413"/>
      <c r="BX35" s="413"/>
    </row>
    <row r="36" spans="1:77" s="3" customFormat="1" ht="24.5" customHeight="1" x14ac:dyDescent="0.2">
      <c r="A36" s="226"/>
      <c r="B36" s="226"/>
      <c r="C36" s="226"/>
      <c r="D36" s="226"/>
      <c r="E36" s="226"/>
      <c r="F36" s="226"/>
      <c r="G36" s="226"/>
      <c r="H36" s="226"/>
      <c r="I36" s="226"/>
      <c r="J36" s="226"/>
      <c r="K36" s="226"/>
      <c r="L36" s="409"/>
      <c r="M36" s="225"/>
      <c r="N36" s="225"/>
      <c r="O36" s="225"/>
      <c r="P36" s="225"/>
      <c r="Q36" s="225"/>
      <c r="R36" s="225"/>
      <c r="S36" s="225"/>
      <c r="T36" s="225"/>
      <c r="U36" s="410"/>
      <c r="V36" s="225"/>
      <c r="W36" s="225"/>
      <c r="X36" s="225"/>
      <c r="Y36" s="225"/>
      <c r="Z36" s="225"/>
      <c r="AA36" s="225"/>
      <c r="AB36" s="225"/>
      <c r="AC36" s="225"/>
      <c r="AD36" s="411" t="s">
        <v>547</v>
      </c>
      <c r="AE36" s="411"/>
      <c r="AF36" s="411"/>
      <c r="AG36" s="411" t="s">
        <v>503</v>
      </c>
      <c r="AH36" s="411"/>
      <c r="AI36" s="411"/>
      <c r="AJ36" s="411" t="s">
        <v>548</v>
      </c>
      <c r="AK36" s="411"/>
      <c r="AL36" s="411"/>
      <c r="AM36" s="409" t="s">
        <v>580</v>
      </c>
      <c r="AN36" s="409"/>
      <c r="AO36" s="409"/>
      <c r="AP36" s="409" t="s">
        <v>531</v>
      </c>
      <c r="AQ36" s="409"/>
      <c r="AR36" s="409"/>
      <c r="AS36" s="409"/>
      <c r="AT36" s="409"/>
      <c r="AU36" s="409" t="s">
        <v>445</v>
      </c>
      <c r="AV36" s="409"/>
      <c r="AW36" s="409"/>
      <c r="AX36" s="409" t="s">
        <v>537</v>
      </c>
      <c r="AY36" s="409"/>
      <c r="AZ36" s="409"/>
      <c r="BA36" s="409" t="s">
        <v>532</v>
      </c>
      <c r="BB36" s="409"/>
      <c r="BC36" s="409"/>
      <c r="BD36" s="409" t="s">
        <v>588</v>
      </c>
      <c r="BE36" s="409"/>
      <c r="BF36" s="409"/>
      <c r="BG36" s="409"/>
      <c r="BH36" s="409" t="s">
        <v>579</v>
      </c>
      <c r="BI36" s="409"/>
      <c r="BJ36" s="409"/>
      <c r="BK36" s="409" t="s">
        <v>533</v>
      </c>
      <c r="BL36" s="409"/>
      <c r="BM36" s="409"/>
      <c r="BN36" s="409" t="s">
        <v>536</v>
      </c>
      <c r="BO36" s="409"/>
      <c r="BP36" s="409"/>
      <c r="BQ36" s="409"/>
      <c r="BR36" s="409" t="s">
        <v>578</v>
      </c>
      <c r="BS36" s="409"/>
      <c r="BT36" s="409"/>
      <c r="BU36" s="409"/>
      <c r="BV36" s="409" t="s">
        <v>535</v>
      </c>
      <c r="BW36" s="409"/>
      <c r="BX36" s="409"/>
    </row>
    <row r="37" spans="1:77" s="3" customFormat="1" ht="24.5" customHeight="1" x14ac:dyDescent="0.2">
      <c r="A37" s="226"/>
      <c r="B37" s="226"/>
      <c r="C37" s="226"/>
      <c r="D37" s="226"/>
      <c r="E37" s="226"/>
      <c r="F37" s="226"/>
      <c r="G37" s="226"/>
      <c r="H37" s="226"/>
      <c r="I37" s="226"/>
      <c r="J37" s="226"/>
      <c r="K37" s="226"/>
      <c r="L37" s="409"/>
      <c r="M37" s="225"/>
      <c r="N37" s="225"/>
      <c r="O37" s="225"/>
      <c r="P37" s="225"/>
      <c r="Q37" s="225"/>
      <c r="R37" s="225"/>
      <c r="S37" s="225"/>
      <c r="T37" s="225"/>
      <c r="U37" s="410"/>
      <c r="V37" s="225"/>
      <c r="W37" s="225"/>
      <c r="X37" s="225"/>
      <c r="Y37" s="225"/>
      <c r="Z37" s="225"/>
      <c r="AA37" s="225"/>
      <c r="AB37" s="225"/>
      <c r="AC37" s="225"/>
      <c r="AD37" s="246"/>
      <c r="AE37" s="245"/>
      <c r="AF37" s="247"/>
      <c r="AG37" s="246"/>
      <c r="AH37" s="245"/>
      <c r="AI37" s="247"/>
      <c r="AJ37" s="246"/>
      <c r="AK37" s="245"/>
      <c r="AL37" s="247"/>
      <c r="AM37" s="409"/>
      <c r="AN37" s="409"/>
      <c r="AO37" s="409"/>
      <c r="AP37" s="414" t="s">
        <v>538</v>
      </c>
      <c r="AQ37" s="415"/>
      <c r="AR37" s="415"/>
      <c r="AS37" s="415"/>
      <c r="AT37" s="416"/>
      <c r="AU37" s="414" t="s">
        <v>539</v>
      </c>
      <c r="AV37" s="415"/>
      <c r="AW37" s="416"/>
      <c r="AX37" s="414" t="s">
        <v>448</v>
      </c>
      <c r="AY37" s="415"/>
      <c r="AZ37" s="416"/>
      <c r="BA37" s="414" t="s">
        <v>448</v>
      </c>
      <c r="BB37" s="415"/>
      <c r="BC37" s="416"/>
      <c r="BD37" s="414" t="s">
        <v>448</v>
      </c>
      <c r="BE37" s="415"/>
      <c r="BF37" s="415"/>
      <c r="BG37" s="416"/>
      <c r="BH37" s="409"/>
      <c r="BI37" s="409"/>
      <c r="BJ37" s="409"/>
      <c r="BK37" s="414" t="s">
        <v>448</v>
      </c>
      <c r="BL37" s="415"/>
      <c r="BM37" s="416"/>
      <c r="BN37" s="414" t="s">
        <v>448</v>
      </c>
      <c r="BO37" s="415"/>
      <c r="BP37" s="415"/>
      <c r="BQ37" s="416"/>
      <c r="BR37" s="414" t="s">
        <v>448</v>
      </c>
      <c r="BS37" s="415"/>
      <c r="BT37" s="415"/>
      <c r="BU37" s="416"/>
      <c r="BV37" s="414" t="s">
        <v>448</v>
      </c>
      <c r="BW37" s="415"/>
      <c r="BX37" s="416"/>
    </row>
    <row r="38" spans="1:77" s="3" customFormat="1" ht="24.5" customHeight="1" x14ac:dyDescent="0.2">
      <c r="A38" s="226"/>
      <c r="B38" s="226"/>
      <c r="C38" s="226"/>
      <c r="D38" s="226"/>
      <c r="E38" s="226"/>
      <c r="F38" s="226"/>
      <c r="G38" s="226"/>
      <c r="H38" s="226"/>
      <c r="I38" s="226"/>
      <c r="J38" s="226"/>
      <c r="K38" s="226"/>
      <c r="L38" s="409"/>
      <c r="M38" s="225"/>
      <c r="N38" s="225"/>
      <c r="O38" s="225"/>
      <c r="P38" s="225"/>
      <c r="Q38" s="225"/>
      <c r="R38" s="225"/>
      <c r="S38" s="225"/>
      <c r="T38" s="225"/>
      <c r="U38" s="410"/>
      <c r="V38" s="225"/>
      <c r="W38" s="225"/>
      <c r="X38" s="225"/>
      <c r="Y38" s="225"/>
      <c r="Z38" s="225"/>
      <c r="AA38" s="225"/>
      <c r="AB38" s="225"/>
      <c r="AC38" s="225"/>
      <c r="AD38" s="243"/>
      <c r="AE38" s="242"/>
      <c r="AF38" s="244"/>
      <c r="AG38" s="243"/>
      <c r="AH38" s="242"/>
      <c r="AI38" s="244"/>
      <c r="AJ38" s="243"/>
      <c r="AK38" s="242"/>
      <c r="AL38" s="244"/>
      <c r="AM38" s="409" t="s">
        <v>534</v>
      </c>
      <c r="AN38" s="409"/>
      <c r="AO38" s="409"/>
      <c r="AP38" s="409" t="s">
        <v>545</v>
      </c>
      <c r="AQ38" s="409"/>
      <c r="AR38" s="409"/>
      <c r="AS38" s="409"/>
      <c r="AT38" s="409"/>
      <c r="AU38" s="409"/>
      <c r="AV38" s="409"/>
      <c r="AW38" s="409"/>
      <c r="AX38" s="409"/>
      <c r="AY38" s="409"/>
      <c r="AZ38" s="409"/>
      <c r="BA38" s="409" t="s">
        <v>447</v>
      </c>
      <c r="BB38" s="409"/>
      <c r="BC38" s="409"/>
      <c r="BD38" s="409"/>
      <c r="BE38" s="409"/>
      <c r="BF38" s="409"/>
      <c r="BG38" s="409"/>
      <c r="BH38" s="409" t="s">
        <v>446</v>
      </c>
      <c r="BI38" s="409"/>
      <c r="BJ38" s="409"/>
      <c r="BK38" s="409" t="s">
        <v>540</v>
      </c>
      <c r="BL38" s="409"/>
      <c r="BM38" s="409"/>
      <c r="BN38" s="409" t="s">
        <v>541</v>
      </c>
      <c r="BO38" s="409"/>
      <c r="BP38" s="409"/>
      <c r="BQ38" s="409"/>
      <c r="BR38" s="409" t="s">
        <v>542</v>
      </c>
      <c r="BS38" s="409"/>
      <c r="BT38" s="409"/>
      <c r="BU38" s="409"/>
      <c r="BV38" s="251" t="s">
        <v>543</v>
      </c>
      <c r="BW38" s="251"/>
      <c r="BX38" s="54" t="s">
        <v>544</v>
      </c>
    </row>
    <row r="39" spans="1:77" s="3" customFormat="1" ht="24.5" customHeight="1" x14ac:dyDescent="0.2">
      <c r="A39" s="226"/>
      <c r="B39" s="226"/>
      <c r="C39" s="226"/>
      <c r="D39" s="226"/>
      <c r="E39" s="226"/>
      <c r="F39" s="226"/>
      <c r="G39" s="226"/>
      <c r="H39" s="226"/>
      <c r="I39" s="226"/>
      <c r="J39" s="226"/>
      <c r="K39" s="226"/>
      <c r="L39" s="409"/>
      <c r="M39" s="225"/>
      <c r="N39" s="225"/>
      <c r="O39" s="225"/>
      <c r="P39" s="225"/>
      <c r="Q39" s="225"/>
      <c r="R39" s="225"/>
      <c r="S39" s="225"/>
      <c r="T39" s="225"/>
      <c r="U39" s="410"/>
      <c r="V39" s="225"/>
      <c r="W39" s="225"/>
      <c r="X39" s="225"/>
      <c r="Y39" s="225"/>
      <c r="Z39" s="225"/>
      <c r="AA39" s="225"/>
      <c r="AB39" s="225"/>
      <c r="AC39" s="225"/>
      <c r="AD39" s="248"/>
      <c r="AE39" s="249"/>
      <c r="AF39" s="250"/>
      <c r="AG39" s="248"/>
      <c r="AH39" s="249"/>
      <c r="AI39" s="250"/>
      <c r="AJ39" s="248"/>
      <c r="AK39" s="249"/>
      <c r="AL39" s="250"/>
      <c r="AM39" s="409"/>
      <c r="AN39" s="409"/>
      <c r="AO39" s="409"/>
      <c r="AP39" s="417" t="s">
        <v>546</v>
      </c>
      <c r="AQ39" s="417"/>
      <c r="AR39" s="417"/>
      <c r="AS39" s="417"/>
      <c r="AT39" s="417"/>
      <c r="AU39" s="417"/>
      <c r="AV39" s="417"/>
      <c r="AW39" s="417"/>
      <c r="AX39" s="417"/>
      <c r="AY39" s="417"/>
      <c r="AZ39" s="417"/>
      <c r="BA39" s="417" t="s">
        <v>577</v>
      </c>
      <c r="BB39" s="417"/>
      <c r="BC39" s="417"/>
      <c r="BD39" s="417"/>
      <c r="BE39" s="417"/>
      <c r="BF39" s="417"/>
      <c r="BG39" s="417"/>
      <c r="BH39" s="417" t="s">
        <v>448</v>
      </c>
      <c r="BI39" s="417"/>
      <c r="BJ39" s="417"/>
      <c r="BK39" s="417" t="s">
        <v>448</v>
      </c>
      <c r="BL39" s="417"/>
      <c r="BM39" s="417"/>
      <c r="BN39" s="418" t="s">
        <v>448</v>
      </c>
      <c r="BO39" s="418"/>
      <c r="BP39" s="418"/>
      <c r="BQ39" s="418"/>
      <c r="BR39" s="418" t="s">
        <v>448</v>
      </c>
      <c r="BS39" s="418"/>
      <c r="BT39" s="418"/>
      <c r="BU39" s="418"/>
      <c r="BV39" s="418" t="s">
        <v>448</v>
      </c>
      <c r="BW39" s="418"/>
      <c r="BX39" s="419" t="s">
        <v>448</v>
      </c>
      <c r="BY39" s="4"/>
    </row>
    <row r="40" spans="1:77" s="3" customFormat="1" ht="24.5" customHeight="1" x14ac:dyDescent="0.2">
      <c r="A40" s="48"/>
      <c r="B40" s="39"/>
      <c r="C40" s="39"/>
      <c r="D40" s="40"/>
      <c r="E40" s="38"/>
      <c r="F40" s="39"/>
      <c r="G40" s="39"/>
      <c r="H40" s="39"/>
      <c r="I40" s="39"/>
      <c r="J40" s="39"/>
      <c r="K40" s="47"/>
      <c r="L40" s="47"/>
      <c r="M40" s="47"/>
      <c r="N40" s="47"/>
      <c r="O40" s="47"/>
      <c r="P40" s="47"/>
      <c r="Q40" s="47"/>
      <c r="R40" s="47"/>
      <c r="S40" s="47"/>
      <c r="T40" s="47"/>
      <c r="U40" s="39"/>
      <c r="V40" s="39"/>
      <c r="W40" s="39"/>
      <c r="X40" s="43"/>
      <c r="Y40" s="43"/>
      <c r="Z40" s="43"/>
      <c r="AA40" s="43"/>
      <c r="AB40" s="43"/>
      <c r="AC40" s="43"/>
      <c r="AD40" s="43"/>
      <c r="AE40" s="43"/>
      <c r="AF40" s="43"/>
      <c r="AG40" s="43"/>
      <c r="AH40" s="43"/>
      <c r="AI40" s="43"/>
      <c r="AJ40" s="43"/>
      <c r="AK40" s="43"/>
      <c r="AL40" s="44"/>
      <c r="AM40" s="13"/>
      <c r="AN40" s="310"/>
      <c r="AO40" s="52"/>
      <c r="AP40" s="52"/>
      <c r="AQ40" s="52"/>
      <c r="AR40" s="52"/>
      <c r="AS40" s="52"/>
      <c r="AT40" s="52"/>
      <c r="AU40" s="52"/>
      <c r="AV40" s="52"/>
      <c r="AW40" s="52"/>
      <c r="AX40" s="52"/>
      <c r="AY40" s="52"/>
      <c r="AZ40" s="52"/>
      <c r="BA40" s="52"/>
      <c r="BB40" s="310"/>
      <c r="BC40" s="310"/>
      <c r="BD40" s="310"/>
      <c r="BE40" s="310"/>
      <c r="BF40" s="310"/>
      <c r="BG40" s="310"/>
      <c r="BH40" s="310"/>
      <c r="BI40" s="310"/>
      <c r="BJ40" s="310"/>
      <c r="BK40" s="310"/>
      <c r="BL40" s="310"/>
      <c r="BM40" s="310"/>
      <c r="BN40" s="7"/>
      <c r="BO40" s="7"/>
      <c r="BP40" s="311"/>
      <c r="BQ40" s="311"/>
      <c r="BR40" s="7"/>
      <c r="BS40" s="7"/>
      <c r="BT40" s="7"/>
      <c r="BU40" s="7"/>
      <c r="BV40" s="7"/>
      <c r="BW40" s="7"/>
      <c r="BX40" s="7"/>
      <c r="BY40" s="4"/>
    </row>
    <row r="41" spans="1:77" s="3" customFormat="1" ht="24.5" customHeight="1" x14ac:dyDescent="0.2">
      <c r="A41" s="50"/>
      <c r="B41" s="13"/>
      <c r="C41" s="13"/>
      <c r="D41" s="13"/>
      <c r="E41" s="13"/>
      <c r="F41" s="13"/>
      <c r="G41" s="13"/>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8"/>
      <c r="AH41" s="38"/>
      <c r="AI41" s="38"/>
      <c r="AJ41" s="38"/>
      <c r="AK41" s="38"/>
      <c r="AL41" s="41"/>
      <c r="AM41" s="13"/>
      <c r="AN41" s="253"/>
      <c r="AO41" s="253"/>
      <c r="AP41" s="253"/>
      <c r="AQ41" s="253"/>
      <c r="AR41" s="253"/>
      <c r="AS41" s="253"/>
      <c r="AT41" s="253"/>
      <c r="AU41" s="253"/>
      <c r="AV41" s="312"/>
      <c r="AW41" s="312"/>
      <c r="AX41" s="312"/>
      <c r="AY41" s="312"/>
      <c r="AZ41" s="312"/>
      <c r="BA41" s="312"/>
      <c r="BB41" s="312"/>
      <c r="BC41" s="312"/>
      <c r="BD41" s="313"/>
      <c r="BE41" s="313"/>
      <c r="BF41" s="313"/>
      <c r="BG41" s="313"/>
      <c r="BH41" s="313"/>
      <c r="BI41" s="313"/>
      <c r="BJ41" s="313"/>
      <c r="BK41" s="313"/>
      <c r="BL41" s="313"/>
      <c r="BM41" s="313"/>
      <c r="BN41" s="313"/>
      <c r="BO41" s="313"/>
      <c r="BP41" s="313"/>
      <c r="BQ41" s="313"/>
      <c r="BR41" s="313"/>
      <c r="BS41" s="313"/>
      <c r="BT41" s="313"/>
      <c r="BU41" s="313"/>
      <c r="BV41" s="313"/>
      <c r="BW41" s="313"/>
      <c r="BX41" s="313"/>
      <c r="BY41" s="4"/>
    </row>
    <row r="42" spans="1:77" s="3" customFormat="1" ht="24.5" customHeight="1" x14ac:dyDescent="0.2">
      <c r="A42" s="50"/>
      <c r="B42" s="13"/>
      <c r="C42" s="13"/>
      <c r="D42" s="13"/>
      <c r="E42" s="13"/>
      <c r="F42" s="13"/>
      <c r="G42" s="13"/>
      <c r="H42" s="38"/>
      <c r="I42" s="38"/>
      <c r="J42" s="38"/>
      <c r="K42" s="38"/>
      <c r="L42" s="38"/>
      <c r="M42" s="38"/>
      <c r="N42" s="38"/>
      <c r="O42" s="38"/>
      <c r="P42" s="38"/>
      <c r="Q42" s="45"/>
      <c r="R42" s="45"/>
      <c r="S42" s="45"/>
      <c r="T42" s="45"/>
      <c r="U42" s="45"/>
      <c r="V42" s="45"/>
      <c r="W42" s="45"/>
      <c r="X42" s="45"/>
      <c r="Y42" s="45"/>
      <c r="Z42" s="45"/>
      <c r="AA42" s="45"/>
      <c r="AB42" s="45"/>
      <c r="AC42" s="45"/>
      <c r="AD42" s="45"/>
      <c r="AE42" s="45"/>
      <c r="AF42" s="45"/>
      <c r="AG42" s="45"/>
      <c r="AH42" s="45"/>
      <c r="AI42" s="45"/>
      <c r="AJ42" s="45"/>
      <c r="AK42" s="45"/>
      <c r="AL42" s="46"/>
      <c r="AM42" s="13"/>
      <c r="AN42" s="253"/>
      <c r="AO42" s="253"/>
      <c r="AP42" s="253"/>
      <c r="AQ42" s="253"/>
      <c r="AR42" s="253"/>
      <c r="AS42" s="253"/>
      <c r="AT42" s="253"/>
      <c r="AU42" s="253"/>
      <c r="AV42" s="312"/>
      <c r="AW42" s="312"/>
      <c r="AX42" s="312"/>
      <c r="AY42" s="312"/>
      <c r="AZ42" s="312"/>
      <c r="BA42" s="312"/>
      <c r="BB42" s="312"/>
      <c r="BC42" s="312"/>
      <c r="BD42" s="313"/>
      <c r="BE42" s="313"/>
      <c r="BF42" s="313"/>
      <c r="BG42" s="313"/>
      <c r="BH42" s="313"/>
      <c r="BI42" s="313"/>
      <c r="BJ42" s="313"/>
      <c r="BK42" s="313"/>
      <c r="BL42" s="313"/>
      <c r="BM42" s="313"/>
      <c r="BN42" s="313"/>
      <c r="BO42" s="313"/>
      <c r="BP42" s="313"/>
      <c r="BQ42" s="313"/>
      <c r="BR42" s="313"/>
      <c r="BS42" s="313"/>
      <c r="BT42" s="313"/>
      <c r="BU42" s="313"/>
      <c r="BV42" s="313"/>
      <c r="BW42" s="313"/>
      <c r="BX42" s="313"/>
      <c r="BY42" s="4"/>
    </row>
    <row r="43" spans="1:77" s="3" customFormat="1" ht="24.5" customHeight="1" x14ac:dyDescent="0.2">
      <c r="A43" s="50"/>
      <c r="B43" s="13"/>
      <c r="C43" s="13"/>
      <c r="D43" s="13"/>
      <c r="E43" s="13"/>
      <c r="F43" s="13"/>
      <c r="G43" s="13"/>
      <c r="H43" s="38"/>
      <c r="I43" s="38"/>
      <c r="J43" s="38"/>
      <c r="K43" s="38"/>
      <c r="L43" s="38"/>
      <c r="M43" s="38"/>
      <c r="N43" s="38"/>
      <c r="O43" s="38"/>
      <c r="P43" s="38"/>
      <c r="Q43" s="45"/>
      <c r="R43" s="45"/>
      <c r="S43" s="45"/>
      <c r="T43" s="45"/>
      <c r="U43" s="45"/>
      <c r="V43" s="45"/>
      <c r="W43" s="45"/>
      <c r="X43" s="45"/>
      <c r="Y43" s="45"/>
      <c r="Z43" s="45"/>
      <c r="AA43" s="45"/>
      <c r="AB43" s="45"/>
      <c r="AC43" s="45"/>
      <c r="AD43" s="45"/>
      <c r="AE43" s="45"/>
      <c r="AF43" s="45"/>
      <c r="AG43" s="45"/>
      <c r="AH43" s="45"/>
      <c r="AI43" s="45"/>
      <c r="AJ43" s="45"/>
      <c r="AK43" s="45"/>
      <c r="AL43" s="46"/>
      <c r="AM43" s="38"/>
      <c r="AN43" s="253"/>
      <c r="AO43" s="253"/>
      <c r="AP43" s="253"/>
      <c r="AQ43" s="253"/>
      <c r="AR43" s="253"/>
      <c r="AS43" s="253"/>
      <c r="AT43" s="253"/>
      <c r="AU43" s="253"/>
      <c r="AV43" s="312"/>
      <c r="AW43" s="312"/>
      <c r="AX43" s="312"/>
      <c r="AY43" s="312"/>
      <c r="AZ43" s="312"/>
      <c r="BA43" s="312"/>
      <c r="BB43" s="312"/>
      <c r="BC43" s="312"/>
      <c r="BD43" s="313"/>
      <c r="BE43" s="313"/>
      <c r="BF43" s="313"/>
      <c r="BG43" s="313"/>
      <c r="BH43" s="313"/>
      <c r="BI43" s="313"/>
      <c r="BJ43" s="313"/>
      <c r="BK43" s="313"/>
      <c r="BL43" s="313"/>
      <c r="BM43" s="313"/>
      <c r="BN43" s="313"/>
      <c r="BO43" s="313"/>
      <c r="BP43" s="313"/>
      <c r="BQ43" s="313"/>
      <c r="BR43" s="313"/>
      <c r="BS43" s="313"/>
      <c r="BT43" s="313"/>
      <c r="BU43" s="313"/>
      <c r="BV43" s="313"/>
      <c r="BW43" s="313"/>
      <c r="BX43" s="313"/>
    </row>
    <row r="44" spans="1:77" s="3" customFormat="1" ht="24.5" customHeight="1" x14ac:dyDescent="0.2">
      <c r="A44" s="50"/>
      <c r="B44" s="13"/>
      <c r="C44" s="13"/>
      <c r="D44" s="13"/>
      <c r="E44" s="13"/>
      <c r="F44" s="13"/>
      <c r="G44" s="13"/>
      <c r="H44" s="38"/>
      <c r="I44" s="38"/>
      <c r="J44" s="38"/>
      <c r="K44" s="38"/>
      <c r="L44" s="38"/>
      <c r="M44" s="38"/>
      <c r="N44" s="38"/>
      <c r="O44" s="38"/>
      <c r="P44" s="38"/>
      <c r="Q44" s="45"/>
      <c r="R44" s="45"/>
      <c r="S44" s="45"/>
      <c r="T44" s="45"/>
      <c r="U44" s="45"/>
      <c r="V44" s="45"/>
      <c r="W44" s="45"/>
      <c r="X44" s="45"/>
      <c r="Y44" s="45"/>
      <c r="Z44" s="45"/>
      <c r="AA44" s="45"/>
      <c r="AB44" s="45"/>
      <c r="AC44" s="45"/>
      <c r="AD44" s="45"/>
      <c r="AE44" s="45"/>
      <c r="AF44" s="45"/>
      <c r="AG44" s="45"/>
      <c r="AH44" s="45"/>
      <c r="AI44" s="45"/>
      <c r="AJ44" s="45"/>
      <c r="AK44" s="45"/>
      <c r="AL44" s="46"/>
      <c r="AM44" s="38"/>
      <c r="AN44" s="253"/>
      <c r="AO44" s="253"/>
      <c r="AP44" s="253"/>
      <c r="AQ44" s="253"/>
      <c r="AR44" s="253"/>
      <c r="AS44" s="253"/>
      <c r="AT44" s="253"/>
      <c r="AU44" s="253"/>
      <c r="AV44" s="312"/>
      <c r="AW44" s="312"/>
      <c r="AX44" s="312"/>
      <c r="AY44" s="312"/>
      <c r="AZ44" s="312"/>
      <c r="BA44" s="312"/>
      <c r="BB44" s="312"/>
      <c r="BC44" s="312"/>
      <c r="BD44" s="22"/>
      <c r="BE44" s="22"/>
      <c r="BF44" s="22"/>
      <c r="BG44" s="22"/>
      <c r="BH44" s="22"/>
      <c r="BI44" s="22"/>
      <c r="BJ44" s="22"/>
      <c r="BK44" s="22"/>
      <c r="BL44" s="22"/>
      <c r="BM44" s="22"/>
      <c r="BN44" s="22"/>
      <c r="BO44" s="22"/>
      <c r="BP44" s="314"/>
      <c r="BQ44" s="314"/>
      <c r="BR44" s="314"/>
      <c r="BS44" s="314"/>
      <c r="BT44" s="314"/>
      <c r="BU44" s="314"/>
      <c r="BV44" s="314"/>
      <c r="BW44" s="314"/>
      <c r="BX44" s="314"/>
      <c r="BY44" s="4"/>
    </row>
    <row r="45" spans="1:77" s="3" customFormat="1" ht="24.5" customHeight="1" x14ac:dyDescent="0.2">
      <c r="A45" s="48"/>
      <c r="B45" s="38"/>
      <c r="C45" s="38"/>
      <c r="D45" s="38"/>
      <c r="E45" s="38"/>
      <c r="F45" s="38"/>
      <c r="G45" s="38"/>
      <c r="H45" s="38"/>
      <c r="I45" s="38"/>
      <c r="J45" s="38"/>
      <c r="K45" s="38"/>
      <c r="L45" s="38"/>
      <c r="M45" s="38"/>
      <c r="N45" s="38"/>
      <c r="O45" s="38"/>
      <c r="P45" s="38"/>
      <c r="Q45" s="38"/>
      <c r="R45" s="38"/>
      <c r="S45" s="38"/>
      <c r="T45" s="38"/>
      <c r="U45" s="38"/>
      <c r="V45" s="13"/>
      <c r="W45" s="38"/>
      <c r="X45" s="38"/>
      <c r="Y45" s="38"/>
      <c r="Z45" s="38"/>
      <c r="AA45" s="38"/>
      <c r="AB45" s="38"/>
      <c r="AC45" s="38"/>
      <c r="AD45" s="13"/>
      <c r="AE45" s="38"/>
      <c r="AF45" s="38"/>
      <c r="AG45" s="38"/>
      <c r="AH45" s="38"/>
      <c r="AI45" s="38"/>
      <c r="AJ45" s="38"/>
      <c r="AK45" s="38"/>
      <c r="AL45" s="41"/>
      <c r="AM45" s="38"/>
      <c r="AN45" s="253"/>
      <c r="AO45" s="253"/>
      <c r="AP45" s="253"/>
      <c r="AQ45" s="253"/>
      <c r="AR45" s="253"/>
      <c r="AS45" s="253"/>
      <c r="AT45" s="253"/>
      <c r="AU45" s="253"/>
      <c r="AV45" s="312"/>
      <c r="AW45" s="312"/>
      <c r="AX45" s="312"/>
      <c r="AY45" s="312"/>
      <c r="AZ45" s="312"/>
      <c r="BA45" s="312"/>
      <c r="BB45" s="312"/>
      <c r="BC45" s="312"/>
      <c r="BD45" s="22"/>
      <c r="BE45" s="22"/>
      <c r="BF45" s="22"/>
      <c r="BG45" s="22"/>
      <c r="BH45" s="22"/>
      <c r="BI45" s="22"/>
      <c r="BJ45" s="22"/>
      <c r="BK45" s="22"/>
      <c r="BL45" s="22"/>
      <c r="BM45" s="22"/>
      <c r="BN45" s="22"/>
      <c r="BO45" s="22"/>
      <c r="BP45" s="314"/>
      <c r="BQ45" s="314"/>
      <c r="BR45" s="314"/>
      <c r="BS45" s="314"/>
      <c r="BT45" s="314"/>
      <c r="BU45" s="314"/>
      <c r="BV45" s="314"/>
      <c r="BW45" s="314"/>
      <c r="BX45" s="314"/>
      <c r="BY45" s="4"/>
    </row>
    <row r="46" spans="1:77" s="3" customFormat="1" ht="24.5" customHeight="1" x14ac:dyDescent="0.2">
      <c r="A46" s="48"/>
      <c r="B46" s="38"/>
      <c r="C46" s="38"/>
      <c r="D46" s="38"/>
      <c r="E46" s="38"/>
      <c r="F46" s="38"/>
      <c r="G46" s="38"/>
      <c r="H46" s="38"/>
      <c r="I46" s="38"/>
      <c r="J46" s="38"/>
      <c r="K46" s="38"/>
      <c r="L46" s="38"/>
      <c r="M46" s="38"/>
      <c r="N46" s="38"/>
      <c r="O46" s="38"/>
      <c r="P46" s="38"/>
      <c r="Q46" s="38"/>
      <c r="R46" s="38"/>
      <c r="S46" s="38"/>
      <c r="T46" s="38"/>
      <c r="U46" s="38"/>
      <c r="V46" s="13"/>
      <c r="W46" s="38"/>
      <c r="X46" s="38"/>
      <c r="Y46" s="38"/>
      <c r="Z46" s="38"/>
      <c r="AA46" s="38"/>
      <c r="AB46" s="38"/>
      <c r="AC46" s="38"/>
      <c r="AD46" s="13"/>
      <c r="AE46" s="38"/>
      <c r="AF46" s="38"/>
      <c r="AG46" s="38"/>
      <c r="AH46" s="38"/>
      <c r="AI46" s="38"/>
      <c r="AJ46" s="38"/>
      <c r="AK46" s="38"/>
      <c r="AL46" s="41"/>
      <c r="AM46" s="38"/>
      <c r="AN46" s="7"/>
      <c r="AO46" s="7"/>
      <c r="AP46" s="7"/>
      <c r="AQ46" s="7"/>
      <c r="AR46" s="7"/>
      <c r="AS46" s="7"/>
      <c r="AT46" s="7"/>
      <c r="AU46" s="7"/>
      <c r="AV46" s="315"/>
      <c r="AW46" s="315"/>
      <c r="AX46" s="315"/>
      <c r="AY46" s="315"/>
      <c r="AZ46" s="315"/>
      <c r="BA46" s="315"/>
      <c r="BB46" s="315"/>
      <c r="BC46" s="315"/>
      <c r="BD46" s="22"/>
      <c r="BE46" s="22"/>
      <c r="BF46" s="22"/>
      <c r="BG46" s="22"/>
      <c r="BH46" s="22"/>
      <c r="BI46" s="22"/>
      <c r="BJ46" s="22"/>
      <c r="BK46" s="22"/>
      <c r="BL46" s="22"/>
      <c r="BM46" s="22"/>
      <c r="BN46" s="22"/>
      <c r="BO46" s="22"/>
      <c r="BP46" s="314"/>
      <c r="BQ46" s="314"/>
      <c r="BR46" s="314"/>
      <c r="BS46" s="314"/>
      <c r="BT46" s="314"/>
      <c r="BU46" s="314"/>
      <c r="BV46" s="314"/>
      <c r="BW46" s="314"/>
      <c r="BX46" s="314"/>
    </row>
    <row r="47" spans="1:77" s="3" customFormat="1" ht="24.5" customHeight="1" x14ac:dyDescent="0.2">
      <c r="A47" s="48"/>
      <c r="B47" s="38"/>
      <c r="C47" s="38"/>
      <c r="D47" s="38"/>
      <c r="E47" s="38"/>
      <c r="F47" s="38"/>
      <c r="G47" s="38"/>
      <c r="H47" s="38"/>
      <c r="I47" s="38"/>
      <c r="J47" s="38"/>
      <c r="K47" s="38"/>
      <c r="L47" s="38"/>
      <c r="M47" s="38"/>
      <c r="N47" s="38"/>
      <c r="O47" s="38"/>
      <c r="P47" s="38"/>
      <c r="Q47" s="38"/>
      <c r="R47" s="38"/>
      <c r="S47" s="38"/>
      <c r="T47" s="38"/>
      <c r="U47" s="38"/>
      <c r="V47" s="13"/>
      <c r="W47" s="38"/>
      <c r="X47" s="38"/>
      <c r="Y47" s="38"/>
      <c r="Z47" s="38"/>
      <c r="AA47" s="38"/>
      <c r="AB47" s="38"/>
      <c r="AC47" s="38"/>
      <c r="AD47" s="13"/>
      <c r="AE47" s="38"/>
      <c r="AF47" s="38"/>
      <c r="AG47" s="38"/>
      <c r="AH47" s="38"/>
      <c r="AI47" s="38"/>
      <c r="AJ47" s="38"/>
      <c r="AK47" s="38"/>
      <c r="AL47" s="41"/>
      <c r="AM47" s="13"/>
      <c r="AN47" s="38"/>
      <c r="AO47" s="38"/>
      <c r="AP47" s="38"/>
      <c r="AQ47" s="38"/>
      <c r="AR47" s="38"/>
      <c r="AS47" s="38"/>
      <c r="AT47" s="38"/>
      <c r="AU47" s="38"/>
      <c r="AV47" s="38"/>
      <c r="AW47" s="38"/>
      <c r="AX47" s="38"/>
      <c r="AY47" s="38"/>
      <c r="AZ47" s="38"/>
      <c r="BA47" s="38"/>
      <c r="BB47" s="38"/>
      <c r="BC47" s="38"/>
      <c r="BD47" s="38"/>
      <c r="BE47" s="38"/>
      <c r="BF47" s="38"/>
      <c r="BG47" s="38"/>
      <c r="BH47" s="38"/>
      <c r="BI47" s="38"/>
      <c r="BJ47" s="38"/>
      <c r="BK47" s="38"/>
      <c r="BL47" s="38"/>
      <c r="BM47" s="38"/>
      <c r="BN47" s="38"/>
      <c r="BO47" s="38"/>
      <c r="BP47" s="38"/>
      <c r="BQ47" s="38"/>
      <c r="BR47" s="38"/>
      <c r="BS47" s="38"/>
      <c r="BT47" s="38"/>
      <c r="BU47" s="38"/>
      <c r="BV47" s="310"/>
      <c r="BW47" s="38"/>
      <c r="BX47" s="38"/>
    </row>
    <row r="48" spans="1:77" s="3" customFormat="1" ht="24.5" customHeight="1" x14ac:dyDescent="0.2">
      <c r="A48" s="48"/>
      <c r="B48" s="38"/>
      <c r="C48" s="38"/>
      <c r="D48" s="38"/>
      <c r="E48" s="38"/>
      <c r="F48" s="38"/>
      <c r="G48" s="38"/>
      <c r="H48" s="38"/>
      <c r="I48" s="38"/>
      <c r="J48" s="38"/>
      <c r="K48" s="38"/>
      <c r="L48" s="38"/>
      <c r="M48" s="38"/>
      <c r="N48" s="38"/>
      <c r="O48" s="38"/>
      <c r="P48" s="38"/>
      <c r="Q48" s="38"/>
      <c r="R48" s="38"/>
      <c r="S48" s="38"/>
      <c r="T48" s="38"/>
      <c r="U48" s="38"/>
      <c r="V48" s="13"/>
      <c r="W48" s="38"/>
      <c r="X48" s="38"/>
      <c r="Y48" s="38"/>
      <c r="Z48" s="38"/>
      <c r="AA48" s="38"/>
      <c r="AB48" s="38"/>
      <c r="AC48" s="38"/>
      <c r="AD48" s="13"/>
      <c r="AE48" s="38"/>
      <c r="AF48" s="38"/>
      <c r="AG48" s="38"/>
      <c r="AH48" s="38"/>
      <c r="AI48" s="38"/>
      <c r="AJ48" s="38"/>
      <c r="AK48" s="38"/>
      <c r="AL48" s="41"/>
      <c r="AM48" s="38"/>
      <c r="AN48" s="222"/>
      <c r="AO48" s="222"/>
      <c r="AP48" s="222"/>
      <c r="AQ48" s="222"/>
      <c r="AR48" s="222"/>
      <c r="AS48" s="222"/>
      <c r="AT48" s="222"/>
      <c r="AU48" s="222"/>
      <c r="AV48" s="222"/>
      <c r="AW48" s="222"/>
      <c r="AX48" s="222"/>
      <c r="AY48" s="222"/>
      <c r="AZ48" s="222"/>
      <c r="BA48" s="222"/>
      <c r="BB48" s="222"/>
      <c r="BC48" s="222"/>
      <c r="BD48" s="222"/>
      <c r="BE48" s="222"/>
      <c r="BF48" s="222"/>
      <c r="BG48" s="222"/>
      <c r="BH48" s="222"/>
      <c r="BI48" s="222"/>
      <c r="BJ48" s="222"/>
      <c r="BK48" s="222"/>
      <c r="BL48" s="222"/>
      <c r="BM48" s="222"/>
      <c r="BN48" s="222"/>
      <c r="BO48" s="222"/>
      <c r="BP48" s="222"/>
      <c r="BQ48" s="222"/>
      <c r="BR48" s="222"/>
      <c r="BS48" s="222"/>
      <c r="BT48" s="222"/>
      <c r="BU48" s="222"/>
      <c r="BV48" s="222"/>
      <c r="BW48" s="222"/>
      <c r="BX48" s="222"/>
    </row>
    <row r="49" spans="39:79" ht="24" customHeight="1" x14ac:dyDescent="0.2">
      <c r="AM49" s="316"/>
      <c r="AN49" s="316"/>
      <c r="BY49" s="3"/>
      <c r="CA49" s="1"/>
    </row>
    <row r="50" spans="39:79" ht="23.25" customHeight="1" x14ac:dyDescent="0.2">
      <c r="AN50" s="316"/>
      <c r="BY50" s="3"/>
    </row>
    <row r="51" spans="39:79" ht="40.5" customHeight="1" x14ac:dyDescent="0.2">
      <c r="AN51" s="316"/>
      <c r="BY51" s="13"/>
    </row>
    <row r="52" spans="39:79" ht="32.25" customHeight="1" x14ac:dyDescent="0.2">
      <c r="AN52" s="316"/>
      <c r="BY52" s="3"/>
    </row>
    <row r="53" spans="39:79" ht="21" customHeight="1" x14ac:dyDescent="0.2"/>
    <row r="54" spans="39:79" ht="23.25" customHeight="1" x14ac:dyDescent="0.2"/>
    <row r="55" spans="39:79" ht="23.25" customHeight="1" x14ac:dyDescent="0.2"/>
    <row r="56" spans="39:79" ht="23.25" customHeight="1" x14ac:dyDescent="0.2"/>
    <row r="57" spans="39:79" ht="23.25" customHeight="1" x14ac:dyDescent="0.2"/>
    <row r="58" spans="39:79" ht="23.25" customHeight="1" x14ac:dyDescent="0.2"/>
    <row r="59" spans="39:79" ht="23.25" customHeight="1" x14ac:dyDescent="0.2"/>
    <row r="60" spans="39:79" ht="23.25" customHeight="1" x14ac:dyDescent="0.2"/>
    <row r="61" spans="39:79" ht="23.25" customHeight="1" x14ac:dyDescent="0.2"/>
    <row r="62" spans="39:79" ht="23.25" customHeight="1" x14ac:dyDescent="0.2"/>
    <row r="63" spans="39:79" ht="23.25" customHeight="1" x14ac:dyDescent="0.2"/>
    <row r="64" spans="39:79" ht="23.25" customHeight="1" x14ac:dyDescent="0.2"/>
    <row r="65" ht="23.25" customHeight="1" x14ac:dyDescent="0.2"/>
    <row r="66" ht="23.25" customHeight="1" x14ac:dyDescent="0.2"/>
    <row r="67" ht="23.25" customHeight="1" x14ac:dyDescent="0.2"/>
    <row r="68" ht="23.25" customHeight="1" x14ac:dyDescent="0.2"/>
    <row r="69" ht="23.25" customHeight="1" x14ac:dyDescent="0.2"/>
    <row r="70" ht="23.25" customHeight="1" x14ac:dyDescent="0.2"/>
    <row r="71" ht="23.25" customHeight="1" x14ac:dyDescent="0.2"/>
    <row r="72" ht="23.25" customHeight="1" x14ac:dyDescent="0.2"/>
    <row r="73" ht="23.25" customHeight="1" x14ac:dyDescent="0.2"/>
    <row r="74" ht="23.25" customHeight="1" x14ac:dyDescent="0.2"/>
    <row r="75" ht="23.25" customHeight="1" x14ac:dyDescent="0.2"/>
    <row r="76" ht="23.25" customHeight="1" x14ac:dyDescent="0.2"/>
    <row r="77" ht="23.25" customHeight="1" x14ac:dyDescent="0.2"/>
  </sheetData>
  <mergeCells count="244">
    <mergeCell ref="AN41:AU45"/>
    <mergeCell ref="AN48:BX48"/>
    <mergeCell ref="AM27:BS27"/>
    <mergeCell ref="AM28:BS28"/>
    <mergeCell ref="AV44:BC45"/>
    <mergeCell ref="AV41:BC43"/>
    <mergeCell ref="BD41:BX43"/>
    <mergeCell ref="AM33:BS33"/>
    <mergeCell ref="AM34:BS34"/>
    <mergeCell ref="J22:AL22"/>
    <mergeCell ref="C25:AL25"/>
    <mergeCell ref="C26:G26"/>
    <mergeCell ref="U26:Y26"/>
    <mergeCell ref="A19:B24"/>
    <mergeCell ref="Z26:AL26"/>
    <mergeCell ref="A29:B34"/>
    <mergeCell ref="C29:AL29"/>
    <mergeCell ref="C32:AL32"/>
    <mergeCell ref="U30:W30"/>
    <mergeCell ref="K19:L19"/>
    <mergeCell ref="M19:AL19"/>
    <mergeCell ref="K20:L20"/>
    <mergeCell ref="M20:AL20"/>
    <mergeCell ref="K21:L21"/>
    <mergeCell ref="M21:AL21"/>
    <mergeCell ref="A3:B4"/>
    <mergeCell ref="C3:F4"/>
    <mergeCell ref="G3:J4"/>
    <mergeCell ref="K3:L4"/>
    <mergeCell ref="M3:P4"/>
    <mergeCell ref="Q3:S4"/>
    <mergeCell ref="T3:X4"/>
    <mergeCell ref="C14:G15"/>
    <mergeCell ref="C16:I16"/>
    <mergeCell ref="J16:AL16"/>
    <mergeCell ref="H13:T13"/>
    <mergeCell ref="U13:Y13"/>
    <mergeCell ref="A10:P11"/>
    <mergeCell ref="A13:B18"/>
    <mergeCell ref="C13:G13"/>
    <mergeCell ref="AJ6:AK6"/>
    <mergeCell ref="AG6:AH6"/>
    <mergeCell ref="AM1:BX2"/>
    <mergeCell ref="X30:AL30"/>
    <mergeCell ref="U31:W31"/>
    <mergeCell ref="X31:AL31"/>
    <mergeCell ref="C30:E30"/>
    <mergeCell ref="F30:T30"/>
    <mergeCell ref="C31:E31"/>
    <mergeCell ref="F31:T31"/>
    <mergeCell ref="C33:E33"/>
    <mergeCell ref="U33:W33"/>
    <mergeCell ref="X33:AL33"/>
    <mergeCell ref="F33:T33"/>
    <mergeCell ref="A5:AL5"/>
    <mergeCell ref="A1:AL2"/>
    <mergeCell ref="C27:G28"/>
    <mergeCell ref="A25:B28"/>
    <mergeCell ref="AD13:AE13"/>
    <mergeCell ref="AG13:AH13"/>
    <mergeCell ref="AJ13:AK13"/>
    <mergeCell ref="I14:AL14"/>
    <mergeCell ref="H15:AL15"/>
    <mergeCell ref="AB18:AL18"/>
    <mergeCell ref="AO13:AP13"/>
    <mergeCell ref="BH11:BI13"/>
    <mergeCell ref="BJ11:BU12"/>
    <mergeCell ref="BV11:BX13"/>
    <mergeCell ref="AM14:AN16"/>
    <mergeCell ref="AO14:AP15"/>
    <mergeCell ref="AO16:AP16"/>
    <mergeCell ref="C34:E34"/>
    <mergeCell ref="F34:AL34"/>
    <mergeCell ref="N23:N24"/>
    <mergeCell ref="O23:P24"/>
    <mergeCell ref="Q23:Q24"/>
    <mergeCell ref="C17:E18"/>
    <mergeCell ref="F17:I17"/>
    <mergeCell ref="F18:I18"/>
    <mergeCell ref="U17:W18"/>
    <mergeCell ref="X17:AA17"/>
    <mergeCell ref="X18:AA18"/>
    <mergeCell ref="AB17:AL17"/>
    <mergeCell ref="J17:T17"/>
    <mergeCell ref="J18:T18"/>
    <mergeCell ref="C19:I21"/>
    <mergeCell ref="C22:I22"/>
    <mergeCell ref="BT33:BX33"/>
    <mergeCell ref="BT34:BX34"/>
    <mergeCell ref="AM26:BX26"/>
    <mergeCell ref="AM25:BX25"/>
    <mergeCell ref="AM24:AO24"/>
    <mergeCell ref="AP24:BX24"/>
    <mergeCell ref="AM23:BX23"/>
    <mergeCell ref="AM3:BX5"/>
    <mergeCell ref="AM6:BB7"/>
    <mergeCell ref="BC6:BG7"/>
    <mergeCell ref="BH6:BI7"/>
    <mergeCell ref="BJ7:BU7"/>
    <mergeCell ref="BJ6:BU6"/>
    <mergeCell ref="BV6:BX7"/>
    <mergeCell ref="AM8:AN9"/>
    <mergeCell ref="AO8:AP8"/>
    <mergeCell ref="AO9:AP9"/>
    <mergeCell ref="AQ8:BG8"/>
    <mergeCell ref="BH8:BI9"/>
    <mergeCell ref="BJ8:BU8"/>
    <mergeCell ref="BV8:BX9"/>
    <mergeCell ref="AM10:BX10"/>
    <mergeCell ref="AM11:AN13"/>
    <mergeCell ref="AO11:AP12"/>
    <mergeCell ref="BG20:BG21"/>
    <mergeCell ref="BH14:BI16"/>
    <mergeCell ref="BJ14:BU15"/>
    <mergeCell ref="BV14:BX16"/>
    <mergeCell ref="AM17:AN19"/>
    <mergeCell ref="AO17:AP18"/>
    <mergeCell ref="AO19:AP19"/>
    <mergeCell ref="BH17:BI19"/>
    <mergeCell ref="BJ17:BU18"/>
    <mergeCell ref="BV17:BX19"/>
    <mergeCell ref="AQ19:BG19"/>
    <mergeCell ref="BJ19:BU19"/>
    <mergeCell ref="AQ17:AZ18"/>
    <mergeCell ref="BA17:BA18"/>
    <mergeCell ref="BB17:BB18"/>
    <mergeCell ref="BC17:BC18"/>
    <mergeCell ref="BD17:BD18"/>
    <mergeCell ref="BE17:BE18"/>
    <mergeCell ref="BF17:BF18"/>
    <mergeCell ref="BG17:BG18"/>
    <mergeCell ref="BR37:BU37"/>
    <mergeCell ref="BV37:BX37"/>
    <mergeCell ref="BH38:BJ38"/>
    <mergeCell ref="BK38:BM38"/>
    <mergeCell ref="BN38:BQ38"/>
    <mergeCell ref="BR38:BU38"/>
    <mergeCell ref="AM36:AO37"/>
    <mergeCell ref="AM20:AN22"/>
    <mergeCell ref="AO20:AP21"/>
    <mergeCell ref="AO22:AP22"/>
    <mergeCell ref="BH20:BI22"/>
    <mergeCell ref="BJ20:BU21"/>
    <mergeCell ref="BV20:BX22"/>
    <mergeCell ref="AM35:BX35"/>
    <mergeCell ref="BT31:BX32"/>
    <mergeCell ref="AQ22:BG22"/>
    <mergeCell ref="BJ22:BU22"/>
    <mergeCell ref="AQ20:AZ21"/>
    <mergeCell ref="BA20:BA21"/>
    <mergeCell ref="BB20:BB21"/>
    <mergeCell ref="BC20:BC21"/>
    <mergeCell ref="BD20:BD21"/>
    <mergeCell ref="BE20:BE21"/>
    <mergeCell ref="BF20:BF21"/>
    <mergeCell ref="AU36:AW36"/>
    <mergeCell ref="AP36:AT36"/>
    <mergeCell ref="AP37:AT37"/>
    <mergeCell ref="AU37:AW37"/>
    <mergeCell ref="AX37:AZ37"/>
    <mergeCell ref="BA37:BC37"/>
    <mergeCell ref="BD37:BG37"/>
    <mergeCell ref="BK37:BM37"/>
    <mergeCell ref="BN37:BQ37"/>
    <mergeCell ref="V35:AC39"/>
    <mergeCell ref="U35:U39"/>
    <mergeCell ref="AD37:AF39"/>
    <mergeCell ref="AG37:AI39"/>
    <mergeCell ref="AJ37:AL39"/>
    <mergeCell ref="BV38:BW38"/>
    <mergeCell ref="BH39:BJ39"/>
    <mergeCell ref="BK39:BM39"/>
    <mergeCell ref="BN39:BQ39"/>
    <mergeCell ref="BR39:BU39"/>
    <mergeCell ref="BV39:BW39"/>
    <mergeCell ref="AP38:AZ38"/>
    <mergeCell ref="AP39:AZ39"/>
    <mergeCell ref="BA38:BG38"/>
    <mergeCell ref="BA39:BG39"/>
    <mergeCell ref="BK36:BM36"/>
    <mergeCell ref="AM38:AO39"/>
    <mergeCell ref="BV36:BX36"/>
    <mergeCell ref="BR36:BU36"/>
    <mergeCell ref="BN36:BQ36"/>
    <mergeCell ref="BH36:BJ37"/>
    <mergeCell ref="BD36:BG36"/>
    <mergeCell ref="BA36:BC36"/>
    <mergeCell ref="AX36:AZ36"/>
    <mergeCell ref="M35:T39"/>
    <mergeCell ref="L35:L39"/>
    <mergeCell ref="A35:K39"/>
    <mergeCell ref="AM29:BS30"/>
    <mergeCell ref="AM31:BS32"/>
    <mergeCell ref="BT27:BX30"/>
    <mergeCell ref="Y3:AL4"/>
    <mergeCell ref="Q6:U6"/>
    <mergeCell ref="Q7:U7"/>
    <mergeCell ref="AD6:AE6"/>
    <mergeCell ref="V6:AB6"/>
    <mergeCell ref="V7:AL7"/>
    <mergeCell ref="Q10:U10"/>
    <mergeCell ref="V10:AB10"/>
    <mergeCell ref="AD10:AE10"/>
    <mergeCell ref="AG10:AH10"/>
    <mergeCell ref="AJ10:AK10"/>
    <mergeCell ref="Q11:U11"/>
    <mergeCell ref="V11:AL11"/>
    <mergeCell ref="Z13:AC13"/>
    <mergeCell ref="AD35:AL35"/>
    <mergeCell ref="AD36:AF36"/>
    <mergeCell ref="AG36:AI36"/>
    <mergeCell ref="AJ36:AL36"/>
    <mergeCell ref="R23:S24"/>
    <mergeCell ref="T23:T24"/>
    <mergeCell ref="J23:M24"/>
    <mergeCell ref="U23:AL23"/>
    <mergeCell ref="U24:AL24"/>
    <mergeCell ref="I27:AL27"/>
    <mergeCell ref="H28:AL28"/>
    <mergeCell ref="H26:Q26"/>
    <mergeCell ref="S26:T26"/>
    <mergeCell ref="C23:I24"/>
    <mergeCell ref="AQ9:BG9"/>
    <mergeCell ref="AQ11:AZ12"/>
    <mergeCell ref="BJ9:BU9"/>
    <mergeCell ref="BA11:BA12"/>
    <mergeCell ref="BB11:BB12"/>
    <mergeCell ref="BC11:BC12"/>
    <mergeCell ref="BD11:BD12"/>
    <mergeCell ref="BE11:BE12"/>
    <mergeCell ref="BF11:BF12"/>
    <mergeCell ref="BG11:BG12"/>
    <mergeCell ref="AQ13:BG13"/>
    <mergeCell ref="BJ13:BU13"/>
    <mergeCell ref="AQ14:AZ15"/>
    <mergeCell ref="AQ16:BG16"/>
    <mergeCell ref="BA14:BA15"/>
    <mergeCell ref="BB14:BB15"/>
    <mergeCell ref="BC14:BC15"/>
    <mergeCell ref="BD14:BD15"/>
    <mergeCell ref="BE14:BE15"/>
    <mergeCell ref="BF14:BF15"/>
    <mergeCell ref="BG14:BG15"/>
    <mergeCell ref="BJ16:BU16"/>
  </mergeCells>
  <phoneticPr fontId="2"/>
  <conditionalFormatting sqref="D6:F6">
    <cfRule type="cellIs" dxfId="2" priority="1" operator="equal">
      <formula>"転入"</formula>
    </cfRule>
  </conditionalFormatting>
  <printOptions horizontalCentered="1"/>
  <pageMargins left="0.23622047244094491" right="0.11811023622047245" top="0.39370078740157483" bottom="0.39370078740157483" header="0.31496062992125984" footer="0.11811023622047245"/>
  <pageSetup paperSize="9" scale="56" orientation="landscape" r:id="rId1"/>
  <colBreaks count="1" manualBreakCount="1">
    <brk id="38" max="38"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48A743-86A1-429D-9639-A86AE2A4CF01}">
  <sheetPr>
    <tabColor rgb="FFFFFF00"/>
    <pageSetUpPr fitToPage="1"/>
  </sheetPr>
  <dimension ref="A1:CA77"/>
  <sheetViews>
    <sheetView showZeros="0" view="pageBreakPreview" zoomScale="70" zoomScaleNormal="100" zoomScaleSheetLayoutView="70" workbookViewId="0">
      <selection activeCell="A3" sqref="A3:B4"/>
    </sheetView>
  </sheetViews>
  <sheetFormatPr defaultColWidth="2.75" defaultRowHeight="12" x14ac:dyDescent="0.2"/>
  <cols>
    <col min="1" max="1" width="2.75" style="51" customWidth="1"/>
    <col min="2" max="2" width="3.4140625" style="51" customWidth="1"/>
    <col min="3" max="4" width="2.75" style="51" customWidth="1"/>
    <col min="5" max="5" width="2.75" style="51"/>
    <col min="6" max="6" width="2.75" style="51" customWidth="1"/>
    <col min="7" max="10" width="2.75" style="51"/>
    <col min="11" max="38" width="2.75" style="51" customWidth="1"/>
    <col min="39" max="39" width="1.25" style="51" customWidth="1"/>
    <col min="40" max="42" width="2.75" style="51"/>
    <col min="43" max="44" width="2.83203125" style="51" customWidth="1"/>
    <col min="45" max="45" width="3" style="51" bestFit="1" customWidth="1"/>
    <col min="46" max="49" width="2.75" style="51"/>
    <col min="50" max="51" width="2.83203125" style="51" customWidth="1"/>
    <col min="52" max="57" width="2.75" style="51"/>
    <col min="58" max="59" width="3" style="51" customWidth="1"/>
    <col min="60" max="74" width="2.75" style="51"/>
    <col min="75" max="76" width="2.75" style="51" customWidth="1"/>
    <col min="77" max="77" width="1.75" style="5" customWidth="1"/>
    <col min="78" max="78" width="2.75" style="2" customWidth="1"/>
    <col min="79" max="16384" width="2.75" style="2"/>
  </cols>
  <sheetData>
    <row r="1" spans="1:77" ht="30" customHeight="1" x14ac:dyDescent="0.2">
      <c r="A1" s="403" t="s">
        <v>576</v>
      </c>
      <c r="B1" s="403"/>
      <c r="C1" s="403"/>
      <c r="D1" s="403"/>
      <c r="E1" s="403"/>
      <c r="F1" s="403"/>
      <c r="G1" s="403"/>
      <c r="H1" s="403"/>
      <c r="I1" s="403"/>
      <c r="J1" s="403"/>
      <c r="K1" s="403"/>
      <c r="L1" s="403"/>
      <c r="M1" s="403"/>
      <c r="N1" s="403"/>
      <c r="O1" s="403"/>
      <c r="P1" s="403"/>
      <c r="Q1" s="403"/>
      <c r="R1" s="403"/>
      <c r="S1" s="403"/>
      <c r="T1" s="403"/>
      <c r="U1" s="403"/>
      <c r="V1" s="403"/>
      <c r="W1" s="403"/>
      <c r="X1" s="403"/>
      <c r="Y1" s="403"/>
      <c r="Z1" s="403"/>
      <c r="AA1" s="403"/>
      <c r="AB1" s="403"/>
      <c r="AC1" s="403"/>
      <c r="AD1" s="403"/>
      <c r="AE1" s="403"/>
      <c r="AF1" s="403"/>
      <c r="AG1" s="403"/>
      <c r="AH1" s="403"/>
      <c r="AI1" s="403"/>
      <c r="AJ1" s="403"/>
      <c r="AK1" s="403"/>
      <c r="AL1" s="403"/>
      <c r="AM1" s="333" t="s">
        <v>518</v>
      </c>
      <c r="AN1" s="333"/>
      <c r="AO1" s="333"/>
      <c r="AP1" s="333"/>
      <c r="AQ1" s="333"/>
      <c r="AR1" s="333"/>
      <c r="AS1" s="333"/>
      <c r="AT1" s="333"/>
      <c r="AU1" s="333"/>
      <c r="AV1" s="333"/>
      <c r="AW1" s="333"/>
      <c r="AX1" s="333"/>
      <c r="AY1" s="333"/>
      <c r="AZ1" s="333"/>
      <c r="BA1" s="333"/>
      <c r="BB1" s="333"/>
      <c r="BC1" s="333"/>
      <c r="BD1" s="333"/>
      <c r="BE1" s="333"/>
      <c r="BF1" s="333"/>
      <c r="BG1" s="333"/>
      <c r="BH1" s="333"/>
      <c r="BI1" s="333"/>
      <c r="BJ1" s="333"/>
      <c r="BK1" s="333"/>
      <c r="BL1" s="333"/>
      <c r="BM1" s="333"/>
      <c r="BN1" s="333"/>
      <c r="BO1" s="333"/>
      <c r="BP1" s="333"/>
      <c r="BQ1" s="333"/>
      <c r="BR1" s="333"/>
      <c r="BS1" s="333"/>
      <c r="BT1" s="333"/>
      <c r="BU1" s="333"/>
      <c r="BV1" s="333"/>
      <c r="BW1" s="333"/>
      <c r="BX1" s="333"/>
    </row>
    <row r="2" spans="1:77" ht="8" customHeight="1" x14ac:dyDescent="0.2">
      <c r="A2" s="403"/>
      <c r="B2" s="403"/>
      <c r="C2" s="403"/>
      <c r="D2" s="403"/>
      <c r="E2" s="403"/>
      <c r="F2" s="403"/>
      <c r="G2" s="403"/>
      <c r="H2" s="403"/>
      <c r="I2" s="403"/>
      <c r="J2" s="403"/>
      <c r="K2" s="403"/>
      <c r="L2" s="403"/>
      <c r="M2" s="403"/>
      <c r="N2" s="403"/>
      <c r="O2" s="403"/>
      <c r="P2" s="403"/>
      <c r="Q2" s="403"/>
      <c r="R2" s="403"/>
      <c r="S2" s="403"/>
      <c r="T2" s="403"/>
      <c r="U2" s="403"/>
      <c r="V2" s="403"/>
      <c r="W2" s="403"/>
      <c r="X2" s="403"/>
      <c r="Y2" s="403"/>
      <c r="Z2" s="403"/>
      <c r="AA2" s="403"/>
      <c r="AB2" s="403"/>
      <c r="AC2" s="403"/>
      <c r="AD2" s="403"/>
      <c r="AE2" s="403"/>
      <c r="AF2" s="403"/>
      <c r="AG2" s="403"/>
      <c r="AH2" s="403"/>
      <c r="AI2" s="403"/>
      <c r="AJ2" s="403"/>
      <c r="AK2" s="403"/>
      <c r="AL2" s="403"/>
      <c r="AM2" s="333"/>
      <c r="AN2" s="333"/>
      <c r="AO2" s="333"/>
      <c r="AP2" s="333"/>
      <c r="AQ2" s="333"/>
      <c r="AR2" s="333"/>
      <c r="AS2" s="333"/>
      <c r="AT2" s="333"/>
      <c r="AU2" s="333"/>
      <c r="AV2" s="333"/>
      <c r="AW2" s="333"/>
      <c r="AX2" s="333"/>
      <c r="AY2" s="333"/>
      <c r="AZ2" s="333"/>
      <c r="BA2" s="333"/>
      <c r="BB2" s="333"/>
      <c r="BC2" s="333"/>
      <c r="BD2" s="333"/>
      <c r="BE2" s="333"/>
      <c r="BF2" s="333"/>
      <c r="BG2" s="333"/>
      <c r="BH2" s="333"/>
      <c r="BI2" s="333"/>
      <c r="BJ2" s="333"/>
      <c r="BK2" s="333"/>
      <c r="BL2" s="333"/>
      <c r="BM2" s="333"/>
      <c r="BN2" s="333"/>
      <c r="BO2" s="333"/>
      <c r="BP2" s="333"/>
      <c r="BQ2" s="333"/>
      <c r="BR2" s="333"/>
      <c r="BS2" s="333"/>
      <c r="BT2" s="333"/>
      <c r="BU2" s="333"/>
      <c r="BV2" s="333"/>
      <c r="BW2" s="333"/>
      <c r="BX2" s="333"/>
    </row>
    <row r="3" spans="1:77" ht="23.25" customHeight="1" x14ac:dyDescent="0.2">
      <c r="A3" s="334" t="s">
        <v>488</v>
      </c>
      <c r="B3" s="334"/>
      <c r="C3" s="335" t="s">
        <v>489</v>
      </c>
      <c r="D3" s="335"/>
      <c r="E3" s="335"/>
      <c r="F3" s="335"/>
      <c r="G3" s="260">
        <f>入力してください!H10</f>
        <v>0</v>
      </c>
      <c r="H3" s="259"/>
      <c r="I3" s="259"/>
      <c r="J3" s="259"/>
      <c r="K3" s="336" t="s">
        <v>490</v>
      </c>
      <c r="L3" s="336"/>
      <c r="M3" s="260">
        <f>入力してください!K10</f>
        <v>0</v>
      </c>
      <c r="N3" s="259"/>
      <c r="O3" s="259"/>
      <c r="P3" s="259"/>
      <c r="Q3" s="404" t="s">
        <v>491</v>
      </c>
      <c r="R3" s="404"/>
      <c r="S3" s="404"/>
      <c r="T3" s="334" t="s">
        <v>186</v>
      </c>
      <c r="U3" s="334"/>
      <c r="V3" s="334"/>
      <c r="W3" s="334"/>
      <c r="X3" s="334"/>
      <c r="Y3" s="236">
        <f>入力してください!S10</f>
        <v>0</v>
      </c>
      <c r="Z3" s="237"/>
      <c r="AA3" s="237"/>
      <c r="AB3" s="237"/>
      <c r="AC3" s="237"/>
      <c r="AD3" s="237"/>
      <c r="AE3" s="237"/>
      <c r="AF3" s="237"/>
      <c r="AG3" s="237"/>
      <c r="AH3" s="237"/>
      <c r="AI3" s="237"/>
      <c r="AJ3" s="237"/>
      <c r="AK3" s="237"/>
      <c r="AL3" s="238"/>
      <c r="AM3" s="420" t="s">
        <v>575</v>
      </c>
      <c r="AN3" s="421"/>
      <c r="AO3" s="421"/>
      <c r="AP3" s="421"/>
      <c r="AQ3" s="421"/>
      <c r="AR3" s="421"/>
      <c r="AS3" s="421"/>
      <c r="AT3" s="421"/>
      <c r="AU3" s="421"/>
      <c r="AV3" s="421"/>
      <c r="AW3" s="421"/>
      <c r="AX3" s="421"/>
      <c r="AY3" s="421"/>
      <c r="AZ3" s="421"/>
      <c r="BA3" s="421"/>
      <c r="BB3" s="421"/>
      <c r="BC3" s="421"/>
      <c r="BD3" s="421"/>
      <c r="BE3" s="421"/>
      <c r="BF3" s="421"/>
      <c r="BG3" s="421"/>
      <c r="BH3" s="421"/>
      <c r="BI3" s="421"/>
      <c r="BJ3" s="421"/>
      <c r="BK3" s="421"/>
      <c r="BL3" s="421"/>
      <c r="BM3" s="421"/>
      <c r="BN3" s="421"/>
      <c r="BO3" s="421"/>
      <c r="BP3" s="421"/>
      <c r="BQ3" s="421"/>
      <c r="BR3" s="421"/>
      <c r="BS3" s="421"/>
      <c r="BT3" s="421"/>
      <c r="BU3" s="421"/>
      <c r="BV3" s="421"/>
      <c r="BW3" s="421"/>
      <c r="BX3" s="421"/>
    </row>
    <row r="4" spans="1:77" s="3" customFormat="1" ht="12.5" customHeight="1" x14ac:dyDescent="0.2">
      <c r="A4" s="334"/>
      <c r="B4" s="334"/>
      <c r="C4" s="335"/>
      <c r="D4" s="335"/>
      <c r="E4" s="335"/>
      <c r="F4" s="335"/>
      <c r="G4" s="259"/>
      <c r="H4" s="259"/>
      <c r="I4" s="259"/>
      <c r="J4" s="259"/>
      <c r="K4" s="336"/>
      <c r="L4" s="336"/>
      <c r="M4" s="259"/>
      <c r="N4" s="259"/>
      <c r="O4" s="259"/>
      <c r="P4" s="259"/>
      <c r="Q4" s="404"/>
      <c r="R4" s="404"/>
      <c r="S4" s="404"/>
      <c r="T4" s="334"/>
      <c r="U4" s="334"/>
      <c r="V4" s="334"/>
      <c r="W4" s="334"/>
      <c r="X4" s="334"/>
      <c r="Y4" s="239"/>
      <c r="Z4" s="240"/>
      <c r="AA4" s="240"/>
      <c r="AB4" s="240"/>
      <c r="AC4" s="240"/>
      <c r="AD4" s="240"/>
      <c r="AE4" s="240"/>
      <c r="AF4" s="240"/>
      <c r="AG4" s="240"/>
      <c r="AH4" s="240"/>
      <c r="AI4" s="240"/>
      <c r="AJ4" s="240"/>
      <c r="AK4" s="240"/>
      <c r="AL4" s="241"/>
      <c r="AM4" s="421"/>
      <c r="AN4" s="421"/>
      <c r="AO4" s="421"/>
      <c r="AP4" s="421"/>
      <c r="AQ4" s="421"/>
      <c r="AR4" s="421"/>
      <c r="AS4" s="421"/>
      <c r="AT4" s="421"/>
      <c r="AU4" s="421"/>
      <c r="AV4" s="421"/>
      <c r="AW4" s="421"/>
      <c r="AX4" s="421"/>
      <c r="AY4" s="421"/>
      <c r="AZ4" s="421"/>
      <c r="BA4" s="421"/>
      <c r="BB4" s="421"/>
      <c r="BC4" s="421"/>
      <c r="BD4" s="421"/>
      <c r="BE4" s="421"/>
      <c r="BF4" s="421"/>
      <c r="BG4" s="421"/>
      <c r="BH4" s="421"/>
      <c r="BI4" s="421"/>
      <c r="BJ4" s="421"/>
      <c r="BK4" s="421"/>
      <c r="BL4" s="421"/>
      <c r="BM4" s="421"/>
      <c r="BN4" s="421"/>
      <c r="BO4" s="421"/>
      <c r="BP4" s="421"/>
      <c r="BQ4" s="421"/>
      <c r="BR4" s="421"/>
      <c r="BS4" s="421"/>
      <c r="BT4" s="421"/>
      <c r="BU4" s="421"/>
      <c r="BV4" s="421"/>
      <c r="BW4" s="421"/>
      <c r="BX4" s="421"/>
    </row>
    <row r="5" spans="1:77" s="3" customFormat="1" ht="44.5" customHeight="1" x14ac:dyDescent="0.2">
      <c r="A5" s="665" t="s">
        <v>559</v>
      </c>
      <c r="B5" s="666"/>
      <c r="C5" s="666"/>
      <c r="D5" s="666"/>
      <c r="E5" s="666"/>
      <c r="F5" s="666"/>
      <c r="G5" s="666"/>
      <c r="H5" s="666"/>
      <c r="I5" s="666"/>
      <c r="J5" s="666"/>
      <c r="K5" s="666"/>
      <c r="L5" s="666"/>
      <c r="M5" s="666"/>
      <c r="N5" s="666"/>
      <c r="O5" s="666"/>
      <c r="P5" s="666"/>
      <c r="Q5" s="337"/>
      <c r="R5" s="337"/>
      <c r="S5" s="337"/>
      <c r="T5" s="337"/>
      <c r="U5" s="337"/>
      <c r="V5" s="337"/>
      <c r="W5" s="337"/>
      <c r="X5" s="337"/>
      <c r="Y5" s="337"/>
      <c r="Z5" s="337"/>
      <c r="AA5" s="337"/>
      <c r="AB5" s="337"/>
      <c r="AC5" s="337"/>
      <c r="AD5" s="337"/>
      <c r="AE5" s="337"/>
      <c r="AF5" s="337"/>
      <c r="AG5" s="337"/>
      <c r="AH5" s="337"/>
      <c r="AI5" s="337"/>
      <c r="AJ5" s="337"/>
      <c r="AK5" s="337"/>
      <c r="AL5" s="338"/>
      <c r="AM5" s="421"/>
      <c r="AN5" s="421"/>
      <c r="AO5" s="421"/>
      <c r="AP5" s="421"/>
      <c r="AQ5" s="421"/>
      <c r="AR5" s="421"/>
      <c r="AS5" s="421"/>
      <c r="AT5" s="421"/>
      <c r="AU5" s="421"/>
      <c r="AV5" s="421"/>
      <c r="AW5" s="421"/>
      <c r="AX5" s="421"/>
      <c r="AY5" s="421"/>
      <c r="AZ5" s="421"/>
      <c r="BA5" s="421"/>
      <c r="BB5" s="421"/>
      <c r="BC5" s="421"/>
      <c r="BD5" s="421"/>
      <c r="BE5" s="421"/>
      <c r="BF5" s="421"/>
      <c r="BG5" s="421"/>
      <c r="BH5" s="421"/>
      <c r="BI5" s="421"/>
      <c r="BJ5" s="421"/>
      <c r="BK5" s="421"/>
      <c r="BL5" s="421"/>
      <c r="BM5" s="421"/>
      <c r="BN5" s="421"/>
      <c r="BO5" s="421"/>
      <c r="BP5" s="421"/>
      <c r="BQ5" s="421"/>
      <c r="BR5" s="421"/>
      <c r="BS5" s="421"/>
      <c r="BT5" s="421"/>
      <c r="BU5" s="421"/>
      <c r="BV5" s="421"/>
      <c r="BW5" s="421"/>
      <c r="BX5" s="421"/>
    </row>
    <row r="6" spans="1:77" s="3" customFormat="1" ht="24.5" customHeight="1" x14ac:dyDescent="0.2">
      <c r="A6" s="339" t="s">
        <v>560</v>
      </c>
      <c r="B6" s="39"/>
      <c r="C6" s="39"/>
      <c r="D6" s="13"/>
      <c r="E6" s="13"/>
      <c r="F6" s="13"/>
      <c r="G6" s="42"/>
      <c r="H6" s="42"/>
      <c r="I6" s="42"/>
      <c r="J6" s="42"/>
      <c r="K6" s="42"/>
      <c r="L6" s="42"/>
      <c r="M6" s="13"/>
      <c r="N6" s="13"/>
      <c r="O6" s="42"/>
      <c r="P6" s="42"/>
      <c r="Q6" s="667" t="s">
        <v>565</v>
      </c>
      <c r="R6" s="668"/>
      <c r="S6" s="668"/>
      <c r="T6" s="668"/>
      <c r="U6" s="669"/>
      <c r="V6" s="271">
        <f>入力してください!E14</f>
        <v>0</v>
      </c>
      <c r="W6" s="272"/>
      <c r="X6" s="272"/>
      <c r="Y6" s="272"/>
      <c r="Z6" s="272"/>
      <c r="AA6" s="272"/>
      <c r="AB6" s="273"/>
      <c r="AC6" s="57" t="s">
        <v>566</v>
      </c>
      <c r="AD6" s="242">
        <f>入力してください!G13</f>
        <v>0</v>
      </c>
      <c r="AE6" s="242"/>
      <c r="AF6" s="42" t="s">
        <v>129</v>
      </c>
      <c r="AG6" s="242">
        <f>入力してください!J13</f>
        <v>0</v>
      </c>
      <c r="AH6" s="242"/>
      <c r="AI6" s="42" t="s">
        <v>567</v>
      </c>
      <c r="AJ6" s="242">
        <f>入力してください!M13</f>
        <v>0</v>
      </c>
      <c r="AK6" s="242"/>
      <c r="AL6" s="42" t="s">
        <v>130</v>
      </c>
      <c r="AM6" s="333" t="s">
        <v>126</v>
      </c>
      <c r="AN6" s="333"/>
      <c r="AO6" s="333"/>
      <c r="AP6" s="333"/>
      <c r="AQ6" s="333"/>
      <c r="AR6" s="333"/>
      <c r="AS6" s="333"/>
      <c r="AT6" s="333"/>
      <c r="AU6" s="333"/>
      <c r="AV6" s="333"/>
      <c r="AW6" s="333"/>
      <c r="AX6" s="333"/>
      <c r="AY6" s="333"/>
      <c r="AZ6" s="333"/>
      <c r="BA6" s="333"/>
      <c r="BB6" s="333"/>
      <c r="BC6" s="333" t="s">
        <v>151</v>
      </c>
      <c r="BD6" s="333"/>
      <c r="BE6" s="333"/>
      <c r="BF6" s="333"/>
      <c r="BG6" s="333"/>
      <c r="BH6" s="255" t="s">
        <v>527</v>
      </c>
      <c r="BI6" s="255"/>
      <c r="BJ6" s="333" t="s">
        <v>520</v>
      </c>
      <c r="BK6" s="333"/>
      <c r="BL6" s="333"/>
      <c r="BM6" s="333"/>
      <c r="BN6" s="333"/>
      <c r="BO6" s="333"/>
      <c r="BP6" s="333"/>
      <c r="BQ6" s="333"/>
      <c r="BR6" s="333"/>
      <c r="BS6" s="333"/>
      <c r="BT6" s="333"/>
      <c r="BU6" s="333"/>
      <c r="BV6" s="255" t="s">
        <v>521</v>
      </c>
      <c r="BW6" s="255"/>
      <c r="BX6" s="255"/>
    </row>
    <row r="7" spans="1:77" s="3" customFormat="1" ht="24.5" customHeight="1" x14ac:dyDescent="0.2">
      <c r="A7" s="48"/>
      <c r="B7" s="49"/>
      <c r="C7" s="49"/>
      <c r="D7" s="38"/>
      <c r="E7" s="38"/>
      <c r="F7" s="38"/>
      <c r="G7" s="42"/>
      <c r="H7" s="42"/>
      <c r="I7" s="42"/>
      <c r="J7" s="42"/>
      <c r="K7" s="42"/>
      <c r="L7" s="42"/>
      <c r="M7" s="42"/>
      <c r="N7" s="42"/>
      <c r="O7" s="42"/>
      <c r="P7" s="42"/>
      <c r="Q7" s="340" t="s">
        <v>564</v>
      </c>
      <c r="R7" s="341"/>
      <c r="S7" s="341"/>
      <c r="T7" s="341"/>
      <c r="U7" s="342"/>
      <c r="V7" s="269">
        <f>入力してください!E15</f>
        <v>0</v>
      </c>
      <c r="W7" s="274"/>
      <c r="X7" s="274"/>
      <c r="Y7" s="274"/>
      <c r="Z7" s="274"/>
      <c r="AA7" s="274"/>
      <c r="AB7" s="274"/>
      <c r="AC7" s="274"/>
      <c r="AD7" s="274"/>
      <c r="AE7" s="274"/>
      <c r="AF7" s="274"/>
      <c r="AG7" s="274"/>
      <c r="AH7" s="274"/>
      <c r="AI7" s="274"/>
      <c r="AJ7" s="274"/>
      <c r="AK7" s="274"/>
      <c r="AL7" s="275"/>
      <c r="AM7" s="333"/>
      <c r="AN7" s="333"/>
      <c r="AO7" s="333"/>
      <c r="AP7" s="333"/>
      <c r="AQ7" s="333"/>
      <c r="AR7" s="333"/>
      <c r="AS7" s="333"/>
      <c r="AT7" s="333"/>
      <c r="AU7" s="333"/>
      <c r="AV7" s="333"/>
      <c r="AW7" s="333"/>
      <c r="AX7" s="333"/>
      <c r="AY7" s="333"/>
      <c r="AZ7" s="333"/>
      <c r="BA7" s="333"/>
      <c r="BB7" s="333"/>
      <c r="BC7" s="333"/>
      <c r="BD7" s="333"/>
      <c r="BE7" s="333"/>
      <c r="BF7" s="333"/>
      <c r="BG7" s="333"/>
      <c r="BH7" s="255"/>
      <c r="BI7" s="255"/>
      <c r="BJ7" s="333" t="s">
        <v>528</v>
      </c>
      <c r="BK7" s="333"/>
      <c r="BL7" s="333"/>
      <c r="BM7" s="333"/>
      <c r="BN7" s="333"/>
      <c r="BO7" s="333"/>
      <c r="BP7" s="333"/>
      <c r="BQ7" s="333"/>
      <c r="BR7" s="333"/>
      <c r="BS7" s="333"/>
      <c r="BT7" s="333"/>
      <c r="BU7" s="333"/>
      <c r="BV7" s="255"/>
      <c r="BW7" s="255"/>
      <c r="BX7" s="255"/>
    </row>
    <row r="8" spans="1:77" s="3" customFormat="1" ht="24.5" customHeight="1" x14ac:dyDescent="0.2">
      <c r="A8" s="339" t="s">
        <v>561</v>
      </c>
      <c r="B8" s="49"/>
      <c r="C8" s="49"/>
      <c r="D8" s="38"/>
      <c r="E8" s="38"/>
      <c r="F8" s="38"/>
      <c r="G8" s="42"/>
      <c r="H8" s="42"/>
      <c r="I8" s="42"/>
      <c r="J8" s="42"/>
      <c r="K8" s="42"/>
      <c r="L8" s="42"/>
      <c r="M8" s="42"/>
      <c r="N8" s="42"/>
      <c r="O8" s="42"/>
      <c r="P8" s="42"/>
      <c r="Q8" s="43"/>
      <c r="R8" s="43"/>
      <c r="S8" s="43"/>
      <c r="T8" s="43"/>
      <c r="U8" s="43"/>
      <c r="V8" s="43"/>
      <c r="W8" s="43"/>
      <c r="X8" s="43"/>
      <c r="Y8" s="43"/>
      <c r="Z8" s="43"/>
      <c r="AA8" s="43"/>
      <c r="AB8" s="43"/>
      <c r="AC8" s="43"/>
      <c r="AD8" s="43"/>
      <c r="AE8" s="43"/>
      <c r="AF8" s="43"/>
      <c r="AG8" s="43"/>
      <c r="AH8" s="43"/>
      <c r="AI8" s="43"/>
      <c r="AJ8" s="43"/>
      <c r="AK8" s="43"/>
      <c r="AL8" s="43"/>
      <c r="AM8" s="333" t="s">
        <v>164</v>
      </c>
      <c r="AN8" s="333"/>
      <c r="AO8" s="333" t="s">
        <v>126</v>
      </c>
      <c r="AP8" s="333"/>
      <c r="AQ8" s="690" t="s">
        <v>185</v>
      </c>
      <c r="AR8" s="690"/>
      <c r="AS8" s="690"/>
      <c r="AT8" s="690"/>
      <c r="AU8" s="690"/>
      <c r="AV8" s="690"/>
      <c r="AW8" s="690"/>
      <c r="AX8" s="690"/>
      <c r="AY8" s="690"/>
      <c r="AZ8" s="690"/>
      <c r="BA8" s="690"/>
      <c r="BB8" s="690"/>
      <c r="BC8" s="690"/>
      <c r="BD8" s="690"/>
      <c r="BE8" s="690"/>
      <c r="BF8" s="690"/>
      <c r="BG8" s="690"/>
      <c r="BH8" s="286" t="s">
        <v>184</v>
      </c>
      <c r="BI8" s="286"/>
      <c r="BJ8" s="286" t="s">
        <v>519</v>
      </c>
      <c r="BK8" s="286"/>
      <c r="BL8" s="286"/>
      <c r="BM8" s="286"/>
      <c r="BN8" s="286"/>
      <c r="BO8" s="286"/>
      <c r="BP8" s="286"/>
      <c r="BQ8" s="286"/>
      <c r="BR8" s="286"/>
      <c r="BS8" s="286"/>
      <c r="BT8" s="286"/>
      <c r="BU8" s="286"/>
      <c r="BV8" s="267">
        <f>入力してください!W71</f>
        <v>0</v>
      </c>
      <c r="BW8" s="267"/>
      <c r="BX8" s="267"/>
    </row>
    <row r="9" spans="1:77" s="3" customFormat="1" ht="24.5" customHeight="1" x14ac:dyDescent="0.2">
      <c r="A9" s="339" t="s">
        <v>562</v>
      </c>
      <c r="B9" s="49"/>
      <c r="C9" s="49"/>
      <c r="D9" s="38"/>
      <c r="E9" s="38"/>
      <c r="F9" s="38"/>
      <c r="G9" s="42"/>
      <c r="H9" s="42"/>
      <c r="I9" s="42"/>
      <c r="J9" s="42"/>
      <c r="K9" s="42"/>
      <c r="L9" s="42"/>
      <c r="M9" s="42"/>
      <c r="N9" s="42"/>
      <c r="O9" s="42"/>
      <c r="P9" s="42"/>
      <c r="Q9" s="42"/>
      <c r="R9" s="42"/>
      <c r="S9" s="42"/>
      <c r="T9" s="42"/>
      <c r="U9" s="42"/>
      <c r="V9" s="38"/>
      <c r="W9" s="38"/>
      <c r="X9" s="38"/>
      <c r="Y9" s="38"/>
      <c r="Z9" s="38"/>
      <c r="AA9" s="38"/>
      <c r="AB9" s="38"/>
      <c r="AC9" s="38"/>
      <c r="AD9" s="38"/>
      <c r="AE9" s="38"/>
      <c r="AF9" s="39"/>
      <c r="AG9" s="58"/>
      <c r="AH9" s="58"/>
      <c r="AI9" s="39"/>
      <c r="AJ9" s="38"/>
      <c r="AK9" s="38"/>
      <c r="AL9" s="39"/>
      <c r="AM9" s="333"/>
      <c r="AN9" s="333"/>
      <c r="AO9" s="422" t="s">
        <v>152</v>
      </c>
      <c r="AP9" s="422"/>
      <c r="AQ9" s="432">
        <f>入力してください!Q72</f>
        <v>0</v>
      </c>
      <c r="AR9" s="433"/>
      <c r="AS9" s="433"/>
      <c r="AT9" s="433"/>
      <c r="AU9" s="433"/>
      <c r="AV9" s="433"/>
      <c r="AW9" s="433"/>
      <c r="AX9" s="433"/>
      <c r="AY9" s="433"/>
      <c r="AZ9" s="433"/>
      <c r="BA9" s="433"/>
      <c r="BB9" s="433"/>
      <c r="BC9" s="433"/>
      <c r="BD9" s="433"/>
      <c r="BE9" s="433"/>
      <c r="BF9" s="433"/>
      <c r="BG9" s="434"/>
      <c r="BH9" s="286"/>
      <c r="BI9" s="286"/>
      <c r="BJ9" s="283">
        <f>入力してください!AC72</f>
        <v>0</v>
      </c>
      <c r="BK9" s="284"/>
      <c r="BL9" s="284"/>
      <c r="BM9" s="284"/>
      <c r="BN9" s="284"/>
      <c r="BO9" s="284"/>
      <c r="BP9" s="284"/>
      <c r="BQ9" s="284"/>
      <c r="BR9" s="284"/>
      <c r="BS9" s="284"/>
      <c r="BT9" s="284"/>
      <c r="BU9" s="285"/>
      <c r="BV9" s="267"/>
      <c r="BW9" s="267"/>
      <c r="BX9" s="267"/>
      <c r="BY9" s="689"/>
    </row>
    <row r="10" spans="1:77" s="3" customFormat="1" ht="24.5" customHeight="1" x14ac:dyDescent="0.2">
      <c r="A10" s="265"/>
      <c r="B10" s="266"/>
      <c r="C10" s="266"/>
      <c r="D10" s="266"/>
      <c r="E10" s="266"/>
      <c r="F10" s="266"/>
      <c r="G10" s="266"/>
      <c r="H10" s="266"/>
      <c r="I10" s="266"/>
      <c r="J10" s="266"/>
      <c r="K10" s="266"/>
      <c r="L10" s="266"/>
      <c r="M10" s="266"/>
      <c r="N10" s="266"/>
      <c r="O10" s="266"/>
      <c r="P10" s="266"/>
      <c r="Q10" s="344" t="s">
        <v>568</v>
      </c>
      <c r="R10" s="344"/>
      <c r="S10" s="344"/>
      <c r="T10" s="344"/>
      <c r="U10" s="344"/>
      <c r="V10" s="270">
        <f>入力してください!H19</f>
        <v>0</v>
      </c>
      <c r="W10" s="270"/>
      <c r="X10" s="270"/>
      <c r="Y10" s="270"/>
      <c r="Z10" s="270"/>
      <c r="AA10" s="270"/>
      <c r="AB10" s="270"/>
      <c r="AC10" s="56" t="s">
        <v>169</v>
      </c>
      <c r="AD10" s="245">
        <f>入力してください!J21</f>
        <v>0</v>
      </c>
      <c r="AE10" s="245"/>
      <c r="AF10" s="55" t="s">
        <v>129</v>
      </c>
      <c r="AG10" s="242">
        <f>入力してください!M21</f>
        <v>0</v>
      </c>
      <c r="AH10" s="242"/>
      <c r="AI10" s="55" t="s">
        <v>567</v>
      </c>
      <c r="AJ10" s="245">
        <f>入力してください!P21</f>
        <v>0</v>
      </c>
      <c r="AK10" s="245"/>
      <c r="AL10" s="59" t="s">
        <v>130</v>
      </c>
      <c r="AM10" s="258" t="s">
        <v>529</v>
      </c>
      <c r="AN10" s="261"/>
      <c r="AO10" s="261"/>
      <c r="AP10" s="261"/>
      <c r="AQ10" s="261"/>
      <c r="AR10" s="261"/>
      <c r="AS10" s="261"/>
      <c r="AT10" s="261"/>
      <c r="AU10" s="261"/>
      <c r="AV10" s="261"/>
      <c r="AW10" s="261"/>
      <c r="AX10" s="261"/>
      <c r="AY10" s="261"/>
      <c r="AZ10" s="261"/>
      <c r="BA10" s="261"/>
      <c r="BB10" s="261"/>
      <c r="BC10" s="261"/>
      <c r="BD10" s="261"/>
      <c r="BE10" s="261"/>
      <c r="BF10" s="261"/>
      <c r="BG10" s="261"/>
      <c r="BH10" s="261"/>
      <c r="BI10" s="261"/>
      <c r="BJ10" s="261"/>
      <c r="BK10" s="261"/>
      <c r="BL10" s="261"/>
      <c r="BM10" s="261"/>
      <c r="BN10" s="261"/>
      <c r="BO10" s="261"/>
      <c r="BP10" s="261"/>
      <c r="BQ10" s="261"/>
      <c r="BR10" s="261"/>
      <c r="BS10" s="261"/>
      <c r="BT10" s="261"/>
      <c r="BU10" s="261"/>
      <c r="BV10" s="261"/>
      <c r="BW10" s="261"/>
      <c r="BX10" s="262"/>
      <c r="BY10" s="6"/>
    </row>
    <row r="11" spans="1:77" s="3" customFormat="1" ht="24.5" customHeight="1" x14ac:dyDescent="0.2">
      <c r="A11" s="265"/>
      <c r="B11" s="266"/>
      <c r="C11" s="266"/>
      <c r="D11" s="266"/>
      <c r="E11" s="266"/>
      <c r="F11" s="266"/>
      <c r="G11" s="266"/>
      <c r="H11" s="266"/>
      <c r="I11" s="266"/>
      <c r="J11" s="266"/>
      <c r="K11" s="266"/>
      <c r="L11" s="266"/>
      <c r="M11" s="266"/>
      <c r="N11" s="266"/>
      <c r="O11" s="266"/>
      <c r="P11" s="266"/>
      <c r="Q11" s="252" t="s">
        <v>569</v>
      </c>
      <c r="R11" s="252"/>
      <c r="S11" s="252"/>
      <c r="T11" s="252"/>
      <c r="U11" s="252"/>
      <c r="V11" s="268">
        <f>入力してください!H20</f>
        <v>0</v>
      </c>
      <c r="W11" s="268"/>
      <c r="X11" s="268"/>
      <c r="Y11" s="268"/>
      <c r="Z11" s="268"/>
      <c r="AA11" s="268"/>
      <c r="AB11" s="268"/>
      <c r="AC11" s="268"/>
      <c r="AD11" s="268"/>
      <c r="AE11" s="268"/>
      <c r="AF11" s="268"/>
      <c r="AG11" s="268"/>
      <c r="AH11" s="268"/>
      <c r="AI11" s="268"/>
      <c r="AJ11" s="268"/>
      <c r="AK11" s="268"/>
      <c r="AL11" s="268"/>
      <c r="AM11" s="423" t="s">
        <v>522</v>
      </c>
      <c r="AN11" s="422"/>
      <c r="AO11" s="257" t="s">
        <v>126</v>
      </c>
      <c r="AP11" s="257"/>
      <c r="AQ11" s="317">
        <f>入力してください!F73</f>
        <v>0</v>
      </c>
      <c r="AR11" s="318"/>
      <c r="AS11" s="318"/>
      <c r="AT11" s="318"/>
      <c r="AU11" s="318"/>
      <c r="AV11" s="318"/>
      <c r="AW11" s="318"/>
      <c r="AX11" s="318"/>
      <c r="AY11" s="318"/>
      <c r="AZ11" s="319"/>
      <c r="BA11" s="323">
        <f>入力してください!F74</f>
        <v>0</v>
      </c>
      <c r="BB11" s="324">
        <f>入力してください!H74</f>
        <v>0</v>
      </c>
      <c r="BC11" s="324" t="s">
        <v>129</v>
      </c>
      <c r="BD11" s="324">
        <f>入力してください!J74</f>
        <v>0</v>
      </c>
      <c r="BE11" s="324" t="s">
        <v>567</v>
      </c>
      <c r="BF11" s="324">
        <f>入力してください!L74</f>
        <v>0</v>
      </c>
      <c r="BG11" s="325" t="s">
        <v>572</v>
      </c>
      <c r="BH11" s="256">
        <f>入力してください!Q73</f>
        <v>0</v>
      </c>
      <c r="BI11" s="256"/>
      <c r="BJ11" s="279">
        <f>入力してください!AC73</f>
        <v>0</v>
      </c>
      <c r="BK11" s="279"/>
      <c r="BL11" s="279"/>
      <c r="BM11" s="279"/>
      <c r="BN11" s="279"/>
      <c r="BO11" s="279"/>
      <c r="BP11" s="279"/>
      <c r="BQ11" s="279"/>
      <c r="BR11" s="279"/>
      <c r="BS11" s="279"/>
      <c r="BT11" s="279"/>
      <c r="BU11" s="279"/>
      <c r="BV11" s="226">
        <f>入力してください!W73</f>
        <v>0</v>
      </c>
      <c r="BW11" s="226"/>
      <c r="BX11" s="226"/>
      <c r="BY11" s="6"/>
    </row>
    <row r="12" spans="1:77" s="3" customFormat="1" ht="24.5" customHeight="1" x14ac:dyDescent="0.2">
      <c r="A12" s="48"/>
      <c r="B12" s="38"/>
      <c r="C12" s="38"/>
      <c r="D12" s="13"/>
      <c r="E12" s="13"/>
      <c r="F12" s="13"/>
      <c r="G12" s="13"/>
      <c r="H12" s="13"/>
      <c r="I12" s="13"/>
      <c r="J12" s="13"/>
      <c r="K12" s="13"/>
      <c r="L12" s="13"/>
      <c r="M12" s="42"/>
      <c r="N12" s="42"/>
      <c r="O12" s="42"/>
      <c r="P12" s="42"/>
      <c r="Q12" s="42"/>
      <c r="R12" s="42"/>
      <c r="S12" s="42"/>
      <c r="T12" s="42"/>
      <c r="U12" s="42"/>
      <c r="V12" s="42"/>
      <c r="W12" s="13"/>
      <c r="X12" s="13"/>
      <c r="Y12" s="13"/>
      <c r="Z12" s="13"/>
      <c r="AA12" s="13"/>
      <c r="AB12" s="42"/>
      <c r="AC12" s="42"/>
      <c r="AD12" s="42"/>
      <c r="AE12" s="55"/>
      <c r="AF12" s="42"/>
      <c r="AG12" s="42"/>
      <c r="AH12" s="42"/>
      <c r="AI12" s="42"/>
      <c r="AJ12" s="42"/>
      <c r="AK12" s="42"/>
      <c r="AL12" s="42"/>
      <c r="AM12" s="422"/>
      <c r="AN12" s="422"/>
      <c r="AO12" s="257"/>
      <c r="AP12" s="257"/>
      <c r="AQ12" s="320"/>
      <c r="AR12" s="321"/>
      <c r="AS12" s="321"/>
      <c r="AT12" s="321"/>
      <c r="AU12" s="321"/>
      <c r="AV12" s="321"/>
      <c r="AW12" s="321"/>
      <c r="AX12" s="321"/>
      <c r="AY12" s="321"/>
      <c r="AZ12" s="322"/>
      <c r="BA12" s="326"/>
      <c r="BB12" s="327"/>
      <c r="BC12" s="327"/>
      <c r="BD12" s="327"/>
      <c r="BE12" s="327"/>
      <c r="BF12" s="327"/>
      <c r="BG12" s="328"/>
      <c r="BH12" s="256"/>
      <c r="BI12" s="256"/>
      <c r="BJ12" s="279"/>
      <c r="BK12" s="279"/>
      <c r="BL12" s="279"/>
      <c r="BM12" s="279"/>
      <c r="BN12" s="279"/>
      <c r="BO12" s="279"/>
      <c r="BP12" s="279"/>
      <c r="BQ12" s="279"/>
      <c r="BR12" s="279"/>
      <c r="BS12" s="279"/>
      <c r="BT12" s="279"/>
      <c r="BU12" s="279"/>
      <c r="BV12" s="226"/>
      <c r="BW12" s="226"/>
      <c r="BX12" s="226"/>
      <c r="BY12" s="6"/>
    </row>
    <row r="13" spans="1:77" s="3" customFormat="1" ht="24.5" customHeight="1" x14ac:dyDescent="0.2">
      <c r="A13" s="670" t="s">
        <v>492</v>
      </c>
      <c r="B13" s="671"/>
      <c r="C13" s="349" t="s">
        <v>127</v>
      </c>
      <c r="D13" s="350"/>
      <c r="E13" s="350"/>
      <c r="F13" s="350"/>
      <c r="G13" s="351"/>
      <c r="H13" s="352">
        <f>入力してください!G25</f>
        <v>0</v>
      </c>
      <c r="I13" s="345"/>
      <c r="J13" s="345"/>
      <c r="K13" s="345"/>
      <c r="L13" s="345"/>
      <c r="M13" s="345"/>
      <c r="N13" s="345"/>
      <c r="O13" s="345"/>
      <c r="P13" s="345"/>
      <c r="Q13" s="345"/>
      <c r="R13" s="345"/>
      <c r="S13" s="345"/>
      <c r="T13" s="345"/>
      <c r="U13" s="353" t="s">
        <v>151</v>
      </c>
      <c r="V13" s="353"/>
      <c r="W13" s="353"/>
      <c r="X13" s="353"/>
      <c r="Y13" s="353"/>
      <c r="Z13" s="354">
        <f>入力してください!G26</f>
        <v>0</v>
      </c>
      <c r="AA13" s="354"/>
      <c r="AB13" s="354"/>
      <c r="AC13" s="355"/>
      <c r="AD13" s="345">
        <f>入力してください!I26</f>
        <v>0</v>
      </c>
      <c r="AE13" s="345"/>
      <c r="AF13" s="346" t="s">
        <v>129</v>
      </c>
      <c r="AG13" s="345">
        <f>入力してください!N26</f>
        <v>0</v>
      </c>
      <c r="AH13" s="345"/>
      <c r="AI13" s="346" t="s">
        <v>567</v>
      </c>
      <c r="AJ13" s="345">
        <f>入力してください!Q26</f>
        <v>0</v>
      </c>
      <c r="AK13" s="345"/>
      <c r="AL13" s="347" t="s">
        <v>130</v>
      </c>
      <c r="AM13" s="422"/>
      <c r="AN13" s="422"/>
      <c r="AO13" s="422" t="s">
        <v>152</v>
      </c>
      <c r="AP13" s="422"/>
      <c r="AQ13" s="435">
        <f>入力してください!Q74</f>
        <v>0</v>
      </c>
      <c r="AR13" s="436"/>
      <c r="AS13" s="436"/>
      <c r="AT13" s="436"/>
      <c r="AU13" s="436"/>
      <c r="AV13" s="436"/>
      <c r="AW13" s="436"/>
      <c r="AX13" s="436"/>
      <c r="AY13" s="436"/>
      <c r="AZ13" s="436"/>
      <c r="BA13" s="436"/>
      <c r="BB13" s="436"/>
      <c r="BC13" s="436"/>
      <c r="BD13" s="436"/>
      <c r="BE13" s="436"/>
      <c r="BF13" s="436"/>
      <c r="BG13" s="437"/>
      <c r="BH13" s="256"/>
      <c r="BI13" s="256"/>
      <c r="BJ13" s="223">
        <f>入力してください!AC74</f>
        <v>0</v>
      </c>
      <c r="BK13" s="281"/>
      <c r="BL13" s="281"/>
      <c r="BM13" s="281"/>
      <c r="BN13" s="281"/>
      <c r="BO13" s="281"/>
      <c r="BP13" s="281"/>
      <c r="BQ13" s="281"/>
      <c r="BR13" s="281"/>
      <c r="BS13" s="281"/>
      <c r="BT13" s="281"/>
      <c r="BU13" s="282"/>
      <c r="BV13" s="226"/>
      <c r="BW13" s="226"/>
      <c r="BX13" s="226"/>
      <c r="BY13" s="6"/>
    </row>
    <row r="14" spans="1:77" s="3" customFormat="1" ht="20.5" customHeight="1" x14ac:dyDescent="0.2">
      <c r="A14" s="672"/>
      <c r="B14" s="673"/>
      <c r="C14" s="356" t="s">
        <v>493</v>
      </c>
      <c r="D14" s="357"/>
      <c r="E14" s="357"/>
      <c r="F14" s="357"/>
      <c r="G14" s="358"/>
      <c r="H14" s="359" t="s">
        <v>131</v>
      </c>
      <c r="I14" s="360">
        <f>入力してください!G27</f>
        <v>0</v>
      </c>
      <c r="J14" s="361"/>
      <c r="K14" s="361"/>
      <c r="L14" s="361"/>
      <c r="M14" s="361"/>
      <c r="N14" s="361"/>
      <c r="O14" s="361"/>
      <c r="P14" s="361"/>
      <c r="Q14" s="361"/>
      <c r="R14" s="361"/>
      <c r="S14" s="361"/>
      <c r="T14" s="361"/>
      <c r="U14" s="361"/>
      <c r="V14" s="361"/>
      <c r="W14" s="361"/>
      <c r="X14" s="361"/>
      <c r="Y14" s="361"/>
      <c r="Z14" s="361"/>
      <c r="AA14" s="361"/>
      <c r="AB14" s="361"/>
      <c r="AC14" s="361"/>
      <c r="AD14" s="361"/>
      <c r="AE14" s="361"/>
      <c r="AF14" s="361"/>
      <c r="AG14" s="361"/>
      <c r="AH14" s="361"/>
      <c r="AI14" s="361"/>
      <c r="AJ14" s="361"/>
      <c r="AK14" s="361"/>
      <c r="AL14" s="362"/>
      <c r="AM14" s="422" t="s">
        <v>522</v>
      </c>
      <c r="AN14" s="422"/>
      <c r="AO14" s="255" t="s">
        <v>126</v>
      </c>
      <c r="AP14" s="255"/>
      <c r="AQ14" s="290">
        <f>入力してください!F75</f>
        <v>0</v>
      </c>
      <c r="AR14" s="291"/>
      <c r="AS14" s="291"/>
      <c r="AT14" s="291"/>
      <c r="AU14" s="291"/>
      <c r="AV14" s="291"/>
      <c r="AW14" s="291"/>
      <c r="AX14" s="291"/>
      <c r="AY14" s="291"/>
      <c r="AZ14" s="292"/>
      <c r="BA14" s="216">
        <f>入力してください!F76</f>
        <v>0</v>
      </c>
      <c r="BB14" s="218">
        <f>入力してください!H76</f>
        <v>0</v>
      </c>
      <c r="BC14" s="218" t="s">
        <v>129</v>
      </c>
      <c r="BD14" s="218">
        <f>入力してください!J76</f>
        <v>0</v>
      </c>
      <c r="BE14" s="218" t="s">
        <v>567</v>
      </c>
      <c r="BF14" s="218">
        <f>入力してください!L76</f>
        <v>0</v>
      </c>
      <c r="BG14" s="220" t="s">
        <v>572</v>
      </c>
      <c r="BH14" s="225">
        <f>入力してください!Q75</f>
        <v>0</v>
      </c>
      <c r="BI14" s="225"/>
      <c r="BJ14" s="226">
        <f>入力してください!AC75</f>
        <v>0</v>
      </c>
      <c r="BK14" s="226"/>
      <c r="BL14" s="226"/>
      <c r="BM14" s="226"/>
      <c r="BN14" s="226"/>
      <c r="BO14" s="226"/>
      <c r="BP14" s="226"/>
      <c r="BQ14" s="226"/>
      <c r="BR14" s="226"/>
      <c r="BS14" s="226"/>
      <c r="BT14" s="226"/>
      <c r="BU14" s="226"/>
      <c r="BV14" s="225">
        <f>入力してください!W75</f>
        <v>0</v>
      </c>
      <c r="BW14" s="225"/>
      <c r="BX14" s="225"/>
      <c r="BY14" s="6"/>
    </row>
    <row r="15" spans="1:77" s="3" customFormat="1" ht="34.5" customHeight="1" x14ac:dyDescent="0.2">
      <c r="A15" s="672"/>
      <c r="B15" s="673"/>
      <c r="C15" s="363"/>
      <c r="D15" s="364"/>
      <c r="E15" s="364"/>
      <c r="F15" s="364"/>
      <c r="G15" s="365"/>
      <c r="H15" s="366">
        <f>入力してください!G28</f>
        <v>0</v>
      </c>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8"/>
      <c r="AM15" s="422"/>
      <c r="AN15" s="422"/>
      <c r="AO15" s="255"/>
      <c r="AP15" s="255"/>
      <c r="AQ15" s="293"/>
      <c r="AR15" s="294"/>
      <c r="AS15" s="294"/>
      <c r="AT15" s="294"/>
      <c r="AU15" s="294"/>
      <c r="AV15" s="294"/>
      <c r="AW15" s="294"/>
      <c r="AX15" s="294"/>
      <c r="AY15" s="294"/>
      <c r="AZ15" s="295"/>
      <c r="BA15" s="217"/>
      <c r="BB15" s="219"/>
      <c r="BC15" s="219"/>
      <c r="BD15" s="219"/>
      <c r="BE15" s="219"/>
      <c r="BF15" s="219"/>
      <c r="BG15" s="221"/>
      <c r="BH15" s="225"/>
      <c r="BI15" s="225"/>
      <c r="BJ15" s="226"/>
      <c r="BK15" s="226"/>
      <c r="BL15" s="226"/>
      <c r="BM15" s="226"/>
      <c r="BN15" s="226"/>
      <c r="BO15" s="226"/>
      <c r="BP15" s="226"/>
      <c r="BQ15" s="226"/>
      <c r="BR15" s="226"/>
      <c r="BS15" s="226"/>
      <c r="BT15" s="226"/>
      <c r="BU15" s="226"/>
      <c r="BV15" s="225"/>
      <c r="BW15" s="225"/>
      <c r="BX15" s="225"/>
      <c r="BY15" s="6"/>
    </row>
    <row r="16" spans="1:77" s="3" customFormat="1" ht="24.5" customHeight="1" x14ac:dyDescent="0.2">
      <c r="A16" s="672"/>
      <c r="B16" s="673"/>
      <c r="C16" s="349" t="s">
        <v>494</v>
      </c>
      <c r="D16" s="350"/>
      <c r="E16" s="350"/>
      <c r="F16" s="350"/>
      <c r="G16" s="350"/>
      <c r="H16" s="350"/>
      <c r="I16" s="351"/>
      <c r="J16" s="352">
        <f>入力してください!P30</f>
        <v>0</v>
      </c>
      <c r="K16" s="341"/>
      <c r="L16" s="341"/>
      <c r="M16" s="341"/>
      <c r="N16" s="341"/>
      <c r="O16" s="341"/>
      <c r="P16" s="341"/>
      <c r="Q16" s="341"/>
      <c r="R16" s="341"/>
      <c r="S16" s="341"/>
      <c r="T16" s="341"/>
      <c r="U16" s="341"/>
      <c r="V16" s="341"/>
      <c r="W16" s="341"/>
      <c r="X16" s="341"/>
      <c r="Y16" s="341"/>
      <c r="Z16" s="341"/>
      <c r="AA16" s="341"/>
      <c r="AB16" s="341"/>
      <c r="AC16" s="341"/>
      <c r="AD16" s="341"/>
      <c r="AE16" s="341"/>
      <c r="AF16" s="341"/>
      <c r="AG16" s="341"/>
      <c r="AH16" s="341"/>
      <c r="AI16" s="341"/>
      <c r="AJ16" s="341"/>
      <c r="AK16" s="341"/>
      <c r="AL16" s="341"/>
      <c r="AM16" s="422"/>
      <c r="AN16" s="422"/>
      <c r="AO16" s="422" t="s">
        <v>152</v>
      </c>
      <c r="AP16" s="422"/>
      <c r="AQ16" s="435">
        <f>入力してください!Q76</f>
        <v>0</v>
      </c>
      <c r="AR16" s="436"/>
      <c r="AS16" s="436"/>
      <c r="AT16" s="436"/>
      <c r="AU16" s="436"/>
      <c r="AV16" s="436"/>
      <c r="AW16" s="436"/>
      <c r="AX16" s="436"/>
      <c r="AY16" s="436"/>
      <c r="AZ16" s="436"/>
      <c r="BA16" s="436"/>
      <c r="BB16" s="436"/>
      <c r="BC16" s="436"/>
      <c r="BD16" s="436"/>
      <c r="BE16" s="436"/>
      <c r="BF16" s="436"/>
      <c r="BG16" s="437"/>
      <c r="BH16" s="225"/>
      <c r="BI16" s="225"/>
      <c r="BJ16" s="298">
        <f>入力してください!AC76</f>
        <v>0</v>
      </c>
      <c r="BK16" s="281"/>
      <c r="BL16" s="281"/>
      <c r="BM16" s="281"/>
      <c r="BN16" s="281"/>
      <c r="BO16" s="281"/>
      <c r="BP16" s="281"/>
      <c r="BQ16" s="281"/>
      <c r="BR16" s="281"/>
      <c r="BS16" s="281"/>
      <c r="BT16" s="281"/>
      <c r="BU16" s="282"/>
      <c r="BV16" s="225"/>
      <c r="BW16" s="225"/>
      <c r="BX16" s="225"/>
      <c r="BY16" s="6"/>
    </row>
    <row r="17" spans="1:77" s="3" customFormat="1" ht="24.5" customHeight="1" x14ac:dyDescent="0.2">
      <c r="A17" s="672"/>
      <c r="B17" s="673"/>
      <c r="C17" s="679" t="s">
        <v>495</v>
      </c>
      <c r="D17" s="680"/>
      <c r="E17" s="681"/>
      <c r="F17" s="405" t="s">
        <v>128</v>
      </c>
      <c r="G17" s="406"/>
      <c r="H17" s="406"/>
      <c r="I17" s="407"/>
      <c r="J17" s="371">
        <f>入力してください!G31</f>
        <v>0</v>
      </c>
      <c r="K17" s="372"/>
      <c r="L17" s="372"/>
      <c r="M17" s="372"/>
      <c r="N17" s="372"/>
      <c r="O17" s="372"/>
      <c r="P17" s="372"/>
      <c r="Q17" s="372"/>
      <c r="R17" s="372"/>
      <c r="S17" s="372"/>
      <c r="T17" s="373"/>
      <c r="U17" s="374" t="s">
        <v>496</v>
      </c>
      <c r="V17" s="375"/>
      <c r="W17" s="376"/>
      <c r="X17" s="377" t="s">
        <v>126</v>
      </c>
      <c r="Y17" s="378"/>
      <c r="Z17" s="378"/>
      <c r="AA17" s="379"/>
      <c r="AB17" s="340">
        <f>入力してください!G32</f>
        <v>0</v>
      </c>
      <c r="AC17" s="341"/>
      <c r="AD17" s="341"/>
      <c r="AE17" s="341"/>
      <c r="AF17" s="341"/>
      <c r="AG17" s="341"/>
      <c r="AH17" s="341"/>
      <c r="AI17" s="341"/>
      <c r="AJ17" s="341"/>
      <c r="AK17" s="341"/>
      <c r="AL17" s="341"/>
      <c r="AM17" s="422" t="s">
        <v>522</v>
      </c>
      <c r="AN17" s="422"/>
      <c r="AO17" s="255" t="s">
        <v>126</v>
      </c>
      <c r="AP17" s="255"/>
      <c r="AQ17" s="276">
        <f>入力してください!F77</f>
        <v>0</v>
      </c>
      <c r="AR17" s="222"/>
      <c r="AS17" s="222"/>
      <c r="AT17" s="222"/>
      <c r="AU17" s="222"/>
      <c r="AV17" s="222"/>
      <c r="AW17" s="222"/>
      <c r="AX17" s="222"/>
      <c r="AY17" s="222"/>
      <c r="AZ17" s="222"/>
      <c r="BA17" s="216">
        <f>入力してください!F78</f>
        <v>0</v>
      </c>
      <c r="BB17" s="218">
        <f>入力してください!H78</f>
        <v>0</v>
      </c>
      <c r="BC17" s="302" t="s">
        <v>129</v>
      </c>
      <c r="BD17" s="222">
        <f>入力してください!J78</f>
        <v>0</v>
      </c>
      <c r="BE17" s="302" t="s">
        <v>567</v>
      </c>
      <c r="BF17" s="222">
        <f>入力してください!L78</f>
        <v>0</v>
      </c>
      <c r="BG17" s="303" t="s">
        <v>572</v>
      </c>
      <c r="BH17" s="226">
        <f>入力してください!Q77</f>
        <v>0</v>
      </c>
      <c r="BI17" s="226"/>
      <c r="BJ17" s="226">
        <f>入力してください!AC77</f>
        <v>0</v>
      </c>
      <c r="BK17" s="226"/>
      <c r="BL17" s="226"/>
      <c r="BM17" s="226"/>
      <c r="BN17" s="226"/>
      <c r="BO17" s="226"/>
      <c r="BP17" s="226"/>
      <c r="BQ17" s="226"/>
      <c r="BR17" s="226"/>
      <c r="BS17" s="226"/>
      <c r="BT17" s="226"/>
      <c r="BU17" s="226"/>
      <c r="BV17" s="225">
        <f>入力してください!W77</f>
        <v>0</v>
      </c>
      <c r="BW17" s="225"/>
      <c r="BX17" s="225"/>
    </row>
    <row r="18" spans="1:77" s="3" customFormat="1" ht="24.5" customHeight="1" x14ac:dyDescent="0.2">
      <c r="A18" s="674"/>
      <c r="B18" s="675"/>
      <c r="C18" s="682"/>
      <c r="D18" s="683"/>
      <c r="E18" s="684"/>
      <c r="F18" s="258" t="s">
        <v>574</v>
      </c>
      <c r="G18" s="263"/>
      <c r="H18" s="263"/>
      <c r="I18" s="264"/>
      <c r="J18" s="380">
        <f>入力してください!G33</f>
        <v>0</v>
      </c>
      <c r="K18" s="372"/>
      <c r="L18" s="372"/>
      <c r="M18" s="372"/>
      <c r="N18" s="372"/>
      <c r="O18" s="372"/>
      <c r="P18" s="372"/>
      <c r="Q18" s="372"/>
      <c r="R18" s="372"/>
      <c r="S18" s="372"/>
      <c r="T18" s="373"/>
      <c r="U18" s="381"/>
      <c r="V18" s="382"/>
      <c r="W18" s="383"/>
      <c r="X18" s="405" t="s">
        <v>497</v>
      </c>
      <c r="Y18" s="406"/>
      <c r="Z18" s="406"/>
      <c r="AA18" s="407"/>
      <c r="AB18" s="371">
        <f>入力してください!R32</f>
        <v>0</v>
      </c>
      <c r="AC18" s="372"/>
      <c r="AD18" s="372"/>
      <c r="AE18" s="372"/>
      <c r="AF18" s="372"/>
      <c r="AG18" s="372"/>
      <c r="AH18" s="372"/>
      <c r="AI18" s="372"/>
      <c r="AJ18" s="372"/>
      <c r="AK18" s="372"/>
      <c r="AL18" s="373"/>
      <c r="AM18" s="422"/>
      <c r="AN18" s="422"/>
      <c r="AO18" s="255"/>
      <c r="AP18" s="255"/>
      <c r="AQ18" s="276"/>
      <c r="AR18" s="222"/>
      <c r="AS18" s="222"/>
      <c r="AT18" s="222"/>
      <c r="AU18" s="222"/>
      <c r="AV18" s="222"/>
      <c r="AW18" s="222"/>
      <c r="AX18" s="222"/>
      <c r="AY18" s="222"/>
      <c r="AZ18" s="222"/>
      <c r="BA18" s="276"/>
      <c r="BB18" s="222"/>
      <c r="BC18" s="302"/>
      <c r="BD18" s="222"/>
      <c r="BE18" s="302"/>
      <c r="BF18" s="222"/>
      <c r="BG18" s="303"/>
      <c r="BH18" s="226"/>
      <c r="BI18" s="226"/>
      <c r="BJ18" s="226"/>
      <c r="BK18" s="226"/>
      <c r="BL18" s="226"/>
      <c r="BM18" s="226"/>
      <c r="BN18" s="226"/>
      <c r="BO18" s="226"/>
      <c r="BP18" s="226"/>
      <c r="BQ18" s="226"/>
      <c r="BR18" s="226"/>
      <c r="BS18" s="226"/>
      <c r="BT18" s="226"/>
      <c r="BU18" s="226"/>
      <c r="BV18" s="225"/>
      <c r="BW18" s="225"/>
      <c r="BX18" s="225"/>
    </row>
    <row r="19" spans="1:77" s="3" customFormat="1" ht="24.5" customHeight="1" x14ac:dyDescent="0.2">
      <c r="A19" s="676" t="s">
        <v>498</v>
      </c>
      <c r="B19" s="676"/>
      <c r="C19" s="334" t="s">
        <v>499</v>
      </c>
      <c r="D19" s="334"/>
      <c r="E19" s="334"/>
      <c r="F19" s="334"/>
      <c r="G19" s="334"/>
      <c r="H19" s="334"/>
      <c r="I19" s="369"/>
      <c r="J19" s="384" t="s">
        <v>500</v>
      </c>
      <c r="K19" s="372">
        <f>入力してください!G36</f>
        <v>0</v>
      </c>
      <c r="L19" s="372"/>
      <c r="M19" s="385" t="str">
        <f>入力してください!I36</f>
        <v>左欄に疾患番号を入力してください</v>
      </c>
      <c r="N19" s="385"/>
      <c r="O19" s="385"/>
      <c r="P19" s="385"/>
      <c r="Q19" s="385"/>
      <c r="R19" s="385"/>
      <c r="S19" s="385"/>
      <c r="T19" s="385"/>
      <c r="U19" s="385"/>
      <c r="V19" s="385"/>
      <c r="W19" s="385"/>
      <c r="X19" s="385"/>
      <c r="Y19" s="385"/>
      <c r="Z19" s="385"/>
      <c r="AA19" s="385"/>
      <c r="AB19" s="385"/>
      <c r="AC19" s="385"/>
      <c r="AD19" s="385"/>
      <c r="AE19" s="385"/>
      <c r="AF19" s="385"/>
      <c r="AG19" s="385"/>
      <c r="AH19" s="385"/>
      <c r="AI19" s="385"/>
      <c r="AJ19" s="385"/>
      <c r="AK19" s="385"/>
      <c r="AL19" s="386"/>
      <c r="AM19" s="422"/>
      <c r="AN19" s="422"/>
      <c r="AO19" s="422" t="s">
        <v>152</v>
      </c>
      <c r="AP19" s="422"/>
      <c r="AQ19" s="438">
        <f>入力してください!Q78</f>
        <v>0</v>
      </c>
      <c r="AR19" s="439"/>
      <c r="AS19" s="439"/>
      <c r="AT19" s="439"/>
      <c r="AU19" s="439"/>
      <c r="AV19" s="439"/>
      <c r="AW19" s="439"/>
      <c r="AX19" s="439"/>
      <c r="AY19" s="439"/>
      <c r="AZ19" s="439"/>
      <c r="BA19" s="440"/>
      <c r="BB19" s="440"/>
      <c r="BC19" s="439"/>
      <c r="BD19" s="440"/>
      <c r="BE19" s="439"/>
      <c r="BF19" s="440"/>
      <c r="BG19" s="441"/>
      <c r="BH19" s="226"/>
      <c r="BI19" s="226"/>
      <c r="BJ19" s="298">
        <f>入力してください!AC78</f>
        <v>0</v>
      </c>
      <c r="BK19" s="281"/>
      <c r="BL19" s="281"/>
      <c r="BM19" s="281"/>
      <c r="BN19" s="281"/>
      <c r="BO19" s="281"/>
      <c r="BP19" s="281"/>
      <c r="BQ19" s="281"/>
      <c r="BR19" s="281"/>
      <c r="BS19" s="281"/>
      <c r="BT19" s="281"/>
      <c r="BU19" s="282"/>
      <c r="BV19" s="225"/>
      <c r="BW19" s="225"/>
      <c r="BX19" s="225"/>
    </row>
    <row r="20" spans="1:77" s="3" customFormat="1" ht="24.5" customHeight="1" x14ac:dyDescent="0.2">
      <c r="A20" s="676"/>
      <c r="B20" s="676"/>
      <c r="C20" s="334"/>
      <c r="D20" s="334"/>
      <c r="E20" s="334"/>
      <c r="F20" s="334"/>
      <c r="G20" s="334"/>
      <c r="H20" s="334"/>
      <c r="I20" s="369"/>
      <c r="J20" s="384" t="s">
        <v>501</v>
      </c>
      <c r="K20" s="372">
        <f>入力してください!G37</f>
        <v>0</v>
      </c>
      <c r="L20" s="372"/>
      <c r="M20" s="385" t="str">
        <f>入力してください!I37</f>
        <v>２つの疾病を申請する際は、こちらにも入力してください</v>
      </c>
      <c r="N20" s="385"/>
      <c r="O20" s="385"/>
      <c r="P20" s="385"/>
      <c r="Q20" s="385"/>
      <c r="R20" s="385"/>
      <c r="S20" s="385"/>
      <c r="T20" s="385"/>
      <c r="U20" s="385"/>
      <c r="V20" s="385"/>
      <c r="W20" s="385"/>
      <c r="X20" s="385"/>
      <c r="Y20" s="385"/>
      <c r="Z20" s="385"/>
      <c r="AA20" s="385"/>
      <c r="AB20" s="385"/>
      <c r="AC20" s="385"/>
      <c r="AD20" s="385"/>
      <c r="AE20" s="385"/>
      <c r="AF20" s="385"/>
      <c r="AG20" s="385"/>
      <c r="AH20" s="385"/>
      <c r="AI20" s="385"/>
      <c r="AJ20" s="385"/>
      <c r="AK20" s="385"/>
      <c r="AL20" s="386"/>
      <c r="AM20" s="422" t="s">
        <v>522</v>
      </c>
      <c r="AN20" s="422"/>
      <c r="AO20" s="257" t="s">
        <v>126</v>
      </c>
      <c r="AP20" s="257"/>
      <c r="AQ20" s="299">
        <f>入力してください!F79</f>
        <v>0</v>
      </c>
      <c r="AR20" s="297"/>
      <c r="AS20" s="297"/>
      <c r="AT20" s="297"/>
      <c r="AU20" s="297"/>
      <c r="AV20" s="297"/>
      <c r="AW20" s="297"/>
      <c r="AX20" s="297"/>
      <c r="AY20" s="297"/>
      <c r="AZ20" s="297"/>
      <c r="BA20" s="299">
        <f>入力してください!F80</f>
        <v>0</v>
      </c>
      <c r="BB20" s="297">
        <f>入力してください!H80</f>
        <v>0</v>
      </c>
      <c r="BC20" s="297" t="s">
        <v>129</v>
      </c>
      <c r="BD20" s="297">
        <f>入力してください!J80</f>
        <v>0</v>
      </c>
      <c r="BE20" s="297" t="s">
        <v>567</v>
      </c>
      <c r="BF20" s="297">
        <f>入力してください!L80</f>
        <v>0</v>
      </c>
      <c r="BG20" s="300" t="s">
        <v>572</v>
      </c>
      <c r="BH20" s="226">
        <f>入力してください!Q79</f>
        <v>0</v>
      </c>
      <c r="BI20" s="226"/>
      <c r="BJ20" s="226">
        <f>入力してください!AC79</f>
        <v>0</v>
      </c>
      <c r="BK20" s="226"/>
      <c r="BL20" s="226"/>
      <c r="BM20" s="226"/>
      <c r="BN20" s="226"/>
      <c r="BO20" s="226"/>
      <c r="BP20" s="226"/>
      <c r="BQ20" s="226"/>
      <c r="BR20" s="226"/>
      <c r="BS20" s="226"/>
      <c r="BT20" s="226"/>
      <c r="BU20" s="226"/>
      <c r="BV20" s="226">
        <f>入力してください!W79</f>
        <v>0</v>
      </c>
      <c r="BW20" s="226"/>
      <c r="BX20" s="226"/>
    </row>
    <row r="21" spans="1:77" s="3" customFormat="1" ht="24.5" customHeight="1" x14ac:dyDescent="0.2">
      <c r="A21" s="676"/>
      <c r="B21" s="676"/>
      <c r="C21" s="334"/>
      <c r="D21" s="334"/>
      <c r="E21" s="334"/>
      <c r="F21" s="334"/>
      <c r="G21" s="334"/>
      <c r="H21" s="334"/>
      <c r="I21" s="369"/>
      <c r="J21" s="384" t="s">
        <v>502</v>
      </c>
      <c r="K21" s="372">
        <f>入力してください!G38</f>
        <v>0</v>
      </c>
      <c r="L21" s="372"/>
      <c r="M21" s="385" t="str">
        <f>入力してください!I38</f>
        <v>３つの疾病を申請する際は、こちらにも入力してください</v>
      </c>
      <c r="N21" s="385"/>
      <c r="O21" s="385"/>
      <c r="P21" s="385"/>
      <c r="Q21" s="385"/>
      <c r="R21" s="385"/>
      <c r="S21" s="385"/>
      <c r="T21" s="385"/>
      <c r="U21" s="385"/>
      <c r="V21" s="385"/>
      <c r="W21" s="385"/>
      <c r="X21" s="385"/>
      <c r="Y21" s="385"/>
      <c r="Z21" s="385"/>
      <c r="AA21" s="385"/>
      <c r="AB21" s="385"/>
      <c r="AC21" s="385"/>
      <c r="AD21" s="385"/>
      <c r="AE21" s="385"/>
      <c r="AF21" s="385"/>
      <c r="AG21" s="385"/>
      <c r="AH21" s="385"/>
      <c r="AI21" s="385"/>
      <c r="AJ21" s="385"/>
      <c r="AK21" s="385"/>
      <c r="AL21" s="386"/>
      <c r="AM21" s="422"/>
      <c r="AN21" s="422"/>
      <c r="AO21" s="257"/>
      <c r="AP21" s="257"/>
      <c r="AQ21" s="301"/>
      <c r="AR21" s="302"/>
      <c r="AS21" s="302"/>
      <c r="AT21" s="302"/>
      <c r="AU21" s="302"/>
      <c r="AV21" s="302"/>
      <c r="AW21" s="302"/>
      <c r="AX21" s="302"/>
      <c r="AY21" s="302"/>
      <c r="AZ21" s="302"/>
      <c r="BA21" s="301"/>
      <c r="BB21" s="302"/>
      <c r="BC21" s="302"/>
      <c r="BD21" s="302"/>
      <c r="BE21" s="302"/>
      <c r="BF21" s="302"/>
      <c r="BG21" s="303"/>
      <c r="BH21" s="226"/>
      <c r="BI21" s="226"/>
      <c r="BJ21" s="226"/>
      <c r="BK21" s="226"/>
      <c r="BL21" s="226"/>
      <c r="BM21" s="226"/>
      <c r="BN21" s="226"/>
      <c r="BO21" s="226"/>
      <c r="BP21" s="226"/>
      <c r="BQ21" s="226"/>
      <c r="BR21" s="226"/>
      <c r="BS21" s="226"/>
      <c r="BT21" s="226"/>
      <c r="BU21" s="226"/>
      <c r="BV21" s="226"/>
      <c r="BW21" s="226"/>
      <c r="BX21" s="226"/>
      <c r="BY21" s="21"/>
    </row>
    <row r="22" spans="1:77" s="3" customFormat="1" ht="30" customHeight="1" x14ac:dyDescent="0.2">
      <c r="A22" s="676"/>
      <c r="B22" s="676"/>
      <c r="C22" s="677" t="s">
        <v>551</v>
      </c>
      <c r="D22" s="678"/>
      <c r="E22" s="678"/>
      <c r="F22" s="678"/>
      <c r="G22" s="678"/>
      <c r="H22" s="678"/>
      <c r="I22" s="425"/>
      <c r="J22" s="371">
        <f>入力してください!G39</f>
        <v>0</v>
      </c>
      <c r="K22" s="372"/>
      <c r="L22" s="372"/>
      <c r="M22" s="372"/>
      <c r="N22" s="372"/>
      <c r="O22" s="372"/>
      <c r="P22" s="372"/>
      <c r="Q22" s="372"/>
      <c r="R22" s="372"/>
      <c r="S22" s="372"/>
      <c r="T22" s="372"/>
      <c r="U22" s="372"/>
      <c r="V22" s="372"/>
      <c r="W22" s="372"/>
      <c r="X22" s="372"/>
      <c r="Y22" s="372"/>
      <c r="Z22" s="372"/>
      <c r="AA22" s="372"/>
      <c r="AB22" s="372"/>
      <c r="AC22" s="372"/>
      <c r="AD22" s="372"/>
      <c r="AE22" s="372"/>
      <c r="AF22" s="372"/>
      <c r="AG22" s="372"/>
      <c r="AH22" s="372"/>
      <c r="AI22" s="372"/>
      <c r="AJ22" s="372"/>
      <c r="AK22" s="372"/>
      <c r="AL22" s="373"/>
      <c r="AM22" s="422"/>
      <c r="AN22" s="422"/>
      <c r="AO22" s="422" t="s">
        <v>152</v>
      </c>
      <c r="AP22" s="422"/>
      <c r="AQ22" s="438">
        <f>入力してください!Q80</f>
        <v>0</v>
      </c>
      <c r="AR22" s="442"/>
      <c r="AS22" s="442"/>
      <c r="AT22" s="442"/>
      <c r="AU22" s="442"/>
      <c r="AV22" s="442"/>
      <c r="AW22" s="442"/>
      <c r="AX22" s="442"/>
      <c r="AY22" s="442"/>
      <c r="AZ22" s="442"/>
      <c r="BA22" s="442"/>
      <c r="BB22" s="442"/>
      <c r="BC22" s="442"/>
      <c r="BD22" s="442"/>
      <c r="BE22" s="442"/>
      <c r="BF22" s="442"/>
      <c r="BG22" s="443"/>
      <c r="BH22" s="226"/>
      <c r="BI22" s="226"/>
      <c r="BJ22" s="298">
        <f>入力してください!AC80</f>
        <v>0</v>
      </c>
      <c r="BK22" s="281"/>
      <c r="BL22" s="281"/>
      <c r="BM22" s="281"/>
      <c r="BN22" s="281"/>
      <c r="BO22" s="281"/>
      <c r="BP22" s="281"/>
      <c r="BQ22" s="281"/>
      <c r="BR22" s="281"/>
      <c r="BS22" s="281"/>
      <c r="BT22" s="281"/>
      <c r="BU22" s="282"/>
      <c r="BV22" s="226"/>
      <c r="BW22" s="226"/>
      <c r="BX22" s="226"/>
      <c r="BY22" s="21"/>
    </row>
    <row r="23" spans="1:77" s="3" customFormat="1" ht="24.5" customHeight="1" x14ac:dyDescent="0.2">
      <c r="A23" s="676"/>
      <c r="B23" s="676"/>
      <c r="C23" s="334" t="s">
        <v>552</v>
      </c>
      <c r="D23" s="334"/>
      <c r="E23" s="334"/>
      <c r="F23" s="334"/>
      <c r="G23" s="334"/>
      <c r="H23" s="334"/>
      <c r="I23" s="369"/>
      <c r="J23" s="329">
        <f>入力してください!G40</f>
        <v>0</v>
      </c>
      <c r="K23" s="254"/>
      <c r="L23" s="254"/>
      <c r="M23" s="254"/>
      <c r="N23" s="343" t="s">
        <v>129</v>
      </c>
      <c r="O23" s="254">
        <f>入力してください!K40</f>
        <v>0</v>
      </c>
      <c r="P23" s="254"/>
      <c r="Q23" s="343" t="s">
        <v>567</v>
      </c>
      <c r="R23" s="254">
        <f>入力してください!P40</f>
        <v>0</v>
      </c>
      <c r="S23" s="254"/>
      <c r="T23" s="343" t="s">
        <v>130</v>
      </c>
      <c r="U23" s="685" t="s">
        <v>504</v>
      </c>
      <c r="V23" s="686"/>
      <c r="W23" s="686"/>
      <c r="X23" s="686"/>
      <c r="Y23" s="686"/>
      <c r="Z23" s="686"/>
      <c r="AA23" s="686"/>
      <c r="AB23" s="686"/>
      <c r="AC23" s="686"/>
      <c r="AD23" s="686"/>
      <c r="AE23" s="686"/>
      <c r="AF23" s="686"/>
      <c r="AG23" s="686"/>
      <c r="AH23" s="686"/>
      <c r="AI23" s="686"/>
      <c r="AJ23" s="686"/>
      <c r="AK23" s="686"/>
      <c r="AL23" s="687"/>
      <c r="AM23" s="424" t="s">
        <v>526</v>
      </c>
      <c r="AN23" s="424"/>
      <c r="AO23" s="424"/>
      <c r="AP23" s="424"/>
      <c r="AQ23" s="424"/>
      <c r="AR23" s="424"/>
      <c r="AS23" s="424"/>
      <c r="AT23" s="424"/>
      <c r="AU23" s="424"/>
      <c r="AV23" s="424"/>
      <c r="AW23" s="424"/>
      <c r="AX23" s="424"/>
      <c r="AY23" s="424"/>
      <c r="AZ23" s="424"/>
      <c r="BA23" s="424"/>
      <c r="BB23" s="424"/>
      <c r="BC23" s="424"/>
      <c r="BD23" s="424"/>
      <c r="BE23" s="424"/>
      <c r="BF23" s="424"/>
      <c r="BG23" s="424"/>
      <c r="BH23" s="424"/>
      <c r="BI23" s="424"/>
      <c r="BJ23" s="424"/>
      <c r="BK23" s="424"/>
      <c r="BL23" s="424"/>
      <c r="BM23" s="424"/>
      <c r="BN23" s="424"/>
      <c r="BO23" s="424"/>
      <c r="BP23" s="424"/>
      <c r="BQ23" s="424"/>
      <c r="BR23" s="424"/>
      <c r="BS23" s="424"/>
      <c r="BT23" s="424"/>
      <c r="BU23" s="424"/>
      <c r="BV23" s="424"/>
      <c r="BW23" s="424"/>
      <c r="BX23" s="424"/>
      <c r="BY23" s="21"/>
    </row>
    <row r="24" spans="1:77" s="3" customFormat="1" ht="62" customHeight="1" x14ac:dyDescent="0.2">
      <c r="A24" s="676"/>
      <c r="B24" s="676"/>
      <c r="C24" s="387"/>
      <c r="D24" s="387"/>
      <c r="E24" s="387"/>
      <c r="F24" s="387"/>
      <c r="G24" s="387"/>
      <c r="H24" s="387"/>
      <c r="I24" s="348"/>
      <c r="J24" s="329"/>
      <c r="K24" s="254"/>
      <c r="L24" s="254"/>
      <c r="M24" s="254"/>
      <c r="N24" s="343"/>
      <c r="O24" s="254"/>
      <c r="P24" s="254"/>
      <c r="Q24" s="343"/>
      <c r="R24" s="388"/>
      <c r="S24" s="388"/>
      <c r="T24" s="343"/>
      <c r="U24" s="389" t="str">
        <f>IF(入力してください!G41="","",IF(入力してください!G41="その他",入力してください!G42,入力してください!G41))</f>
        <v/>
      </c>
      <c r="V24" s="390"/>
      <c r="W24" s="390"/>
      <c r="X24" s="390"/>
      <c r="Y24" s="390"/>
      <c r="Z24" s="390"/>
      <c r="AA24" s="390"/>
      <c r="AB24" s="390"/>
      <c r="AC24" s="390"/>
      <c r="AD24" s="390"/>
      <c r="AE24" s="390"/>
      <c r="AF24" s="390"/>
      <c r="AG24" s="390"/>
      <c r="AH24" s="390"/>
      <c r="AI24" s="390"/>
      <c r="AJ24" s="390"/>
      <c r="AK24" s="390"/>
      <c r="AL24" s="391"/>
      <c r="AM24" s="267">
        <f>入力してください!AC86</f>
        <v>0</v>
      </c>
      <c r="AN24" s="267"/>
      <c r="AO24" s="267"/>
      <c r="AP24" s="280" t="s">
        <v>525</v>
      </c>
      <c r="AQ24" s="280"/>
      <c r="AR24" s="280"/>
      <c r="AS24" s="280"/>
      <c r="AT24" s="280"/>
      <c r="AU24" s="280"/>
      <c r="AV24" s="280"/>
      <c r="AW24" s="280"/>
      <c r="AX24" s="280"/>
      <c r="AY24" s="280"/>
      <c r="AZ24" s="280"/>
      <c r="BA24" s="280"/>
      <c r="BB24" s="280"/>
      <c r="BC24" s="280"/>
      <c r="BD24" s="280"/>
      <c r="BE24" s="280"/>
      <c r="BF24" s="280"/>
      <c r="BG24" s="280"/>
      <c r="BH24" s="280"/>
      <c r="BI24" s="280"/>
      <c r="BJ24" s="280"/>
      <c r="BK24" s="280"/>
      <c r="BL24" s="280"/>
      <c r="BM24" s="280"/>
      <c r="BN24" s="280"/>
      <c r="BO24" s="280"/>
      <c r="BP24" s="280"/>
      <c r="BQ24" s="280"/>
      <c r="BR24" s="280"/>
      <c r="BS24" s="280"/>
      <c r="BT24" s="280"/>
      <c r="BU24" s="280"/>
      <c r="BV24" s="280"/>
      <c r="BW24" s="280"/>
      <c r="BX24" s="280"/>
      <c r="BY24" s="8"/>
    </row>
    <row r="25" spans="1:77" s="3" customFormat="1" ht="24.5" customHeight="1" x14ac:dyDescent="0.2">
      <c r="A25" s="676" t="s">
        <v>505</v>
      </c>
      <c r="B25" s="676"/>
      <c r="C25" s="408" t="s">
        <v>506</v>
      </c>
      <c r="D25" s="408"/>
      <c r="E25" s="408"/>
      <c r="F25" s="408"/>
      <c r="G25" s="408"/>
      <c r="H25" s="408"/>
      <c r="I25" s="408"/>
      <c r="J25" s="408"/>
      <c r="K25" s="408"/>
      <c r="L25" s="408"/>
      <c r="M25" s="408"/>
      <c r="N25" s="408"/>
      <c r="O25" s="408"/>
      <c r="P25" s="408"/>
      <c r="Q25" s="408"/>
      <c r="R25" s="408"/>
      <c r="S25" s="408"/>
      <c r="T25" s="408"/>
      <c r="U25" s="408"/>
      <c r="V25" s="408"/>
      <c r="W25" s="408"/>
      <c r="X25" s="408"/>
      <c r="Y25" s="408"/>
      <c r="Z25" s="408"/>
      <c r="AA25" s="408"/>
      <c r="AB25" s="408"/>
      <c r="AC25" s="408"/>
      <c r="AD25" s="408"/>
      <c r="AE25" s="408"/>
      <c r="AF25" s="408"/>
      <c r="AG25" s="408"/>
      <c r="AH25" s="408"/>
      <c r="AI25" s="408"/>
      <c r="AJ25" s="408"/>
      <c r="AK25" s="408"/>
      <c r="AL25" s="408"/>
      <c r="AM25" s="255" t="s">
        <v>573</v>
      </c>
      <c r="AN25" s="255"/>
      <c r="AO25" s="255"/>
      <c r="AP25" s="255"/>
      <c r="AQ25" s="255"/>
      <c r="AR25" s="255"/>
      <c r="AS25" s="255"/>
      <c r="AT25" s="255"/>
      <c r="AU25" s="255"/>
      <c r="AV25" s="255"/>
      <c r="AW25" s="255"/>
      <c r="AX25" s="255"/>
      <c r="AY25" s="255"/>
      <c r="AZ25" s="255"/>
      <c r="BA25" s="255"/>
      <c r="BB25" s="255"/>
      <c r="BC25" s="255"/>
      <c r="BD25" s="255"/>
      <c r="BE25" s="255"/>
      <c r="BF25" s="255"/>
      <c r="BG25" s="255"/>
      <c r="BH25" s="255"/>
      <c r="BI25" s="255"/>
      <c r="BJ25" s="255"/>
      <c r="BK25" s="255"/>
      <c r="BL25" s="255"/>
      <c r="BM25" s="255"/>
      <c r="BN25" s="255"/>
      <c r="BO25" s="255"/>
      <c r="BP25" s="255"/>
      <c r="BQ25" s="255"/>
      <c r="BR25" s="255"/>
      <c r="BS25" s="255"/>
      <c r="BT25" s="255"/>
      <c r="BU25" s="255"/>
      <c r="BV25" s="255"/>
      <c r="BW25" s="255"/>
      <c r="BX25" s="255"/>
      <c r="BY25" s="8"/>
    </row>
    <row r="26" spans="1:77" s="3" customFormat="1" ht="24.5" customHeight="1" x14ac:dyDescent="0.2">
      <c r="A26" s="676"/>
      <c r="B26" s="676"/>
      <c r="C26" s="370" t="s">
        <v>126</v>
      </c>
      <c r="D26" s="334"/>
      <c r="E26" s="334"/>
      <c r="F26" s="334"/>
      <c r="G26" s="334"/>
      <c r="H26" s="400">
        <f>入力してください!G45</f>
        <v>0</v>
      </c>
      <c r="I26" s="401"/>
      <c r="J26" s="401"/>
      <c r="K26" s="401"/>
      <c r="L26" s="401"/>
      <c r="M26" s="401"/>
      <c r="N26" s="401"/>
      <c r="O26" s="401"/>
      <c r="P26" s="401"/>
      <c r="Q26" s="402"/>
      <c r="R26" s="688" t="s">
        <v>571</v>
      </c>
      <c r="S26" s="283">
        <f>入力してください!G46</f>
        <v>0</v>
      </c>
      <c r="T26" s="330"/>
      <c r="U26" s="333" t="s">
        <v>507</v>
      </c>
      <c r="V26" s="333"/>
      <c r="W26" s="333"/>
      <c r="X26" s="333"/>
      <c r="Y26" s="333"/>
      <c r="Z26" s="392">
        <f>入力してください!G49</f>
        <v>0</v>
      </c>
      <c r="AA26" s="393"/>
      <c r="AB26" s="393"/>
      <c r="AC26" s="393"/>
      <c r="AD26" s="393"/>
      <c r="AE26" s="393"/>
      <c r="AF26" s="393"/>
      <c r="AG26" s="393"/>
      <c r="AH26" s="393"/>
      <c r="AI26" s="393"/>
      <c r="AJ26" s="393"/>
      <c r="AK26" s="393"/>
      <c r="AL26" s="393"/>
      <c r="AM26" s="255" t="s">
        <v>524</v>
      </c>
      <c r="AN26" s="255"/>
      <c r="AO26" s="255"/>
      <c r="AP26" s="255"/>
      <c r="AQ26" s="255"/>
      <c r="AR26" s="255"/>
      <c r="AS26" s="255"/>
      <c r="AT26" s="255"/>
      <c r="AU26" s="255"/>
      <c r="AV26" s="255"/>
      <c r="AW26" s="255"/>
      <c r="AX26" s="255"/>
      <c r="AY26" s="255"/>
      <c r="AZ26" s="255"/>
      <c r="BA26" s="255"/>
      <c r="BB26" s="255"/>
      <c r="BC26" s="255"/>
      <c r="BD26" s="255"/>
      <c r="BE26" s="255"/>
      <c r="BF26" s="255"/>
      <c r="BG26" s="255"/>
      <c r="BH26" s="255"/>
      <c r="BI26" s="255"/>
      <c r="BJ26" s="255"/>
      <c r="BK26" s="255"/>
      <c r="BL26" s="255"/>
      <c r="BM26" s="255"/>
      <c r="BN26" s="255"/>
      <c r="BO26" s="255"/>
      <c r="BP26" s="255"/>
      <c r="BQ26" s="255"/>
      <c r="BR26" s="255"/>
      <c r="BS26" s="255"/>
      <c r="BT26" s="255"/>
      <c r="BU26" s="255"/>
      <c r="BV26" s="255"/>
      <c r="BW26" s="255"/>
      <c r="BX26" s="255"/>
    </row>
    <row r="27" spans="1:77" s="3" customFormat="1" ht="24.5" customHeight="1" x14ac:dyDescent="0.2">
      <c r="A27" s="676"/>
      <c r="B27" s="676"/>
      <c r="C27" s="334" t="s">
        <v>508</v>
      </c>
      <c r="D27" s="334"/>
      <c r="E27" s="334"/>
      <c r="F27" s="334"/>
      <c r="G27" s="369"/>
      <c r="H27" s="394" t="s">
        <v>131</v>
      </c>
      <c r="I27" s="395">
        <f>入力してください!G47</f>
        <v>0</v>
      </c>
      <c r="J27" s="396"/>
      <c r="K27" s="396"/>
      <c r="L27" s="396"/>
      <c r="M27" s="396"/>
      <c r="N27" s="396"/>
      <c r="O27" s="396"/>
      <c r="P27" s="396"/>
      <c r="Q27" s="396"/>
      <c r="R27" s="396"/>
      <c r="S27" s="396"/>
      <c r="T27" s="396"/>
      <c r="U27" s="396"/>
      <c r="V27" s="396"/>
      <c r="W27" s="396"/>
      <c r="X27" s="396"/>
      <c r="Y27" s="396"/>
      <c r="Z27" s="396"/>
      <c r="AA27" s="396"/>
      <c r="AB27" s="396"/>
      <c r="AC27" s="396"/>
      <c r="AD27" s="396"/>
      <c r="AE27" s="396"/>
      <c r="AF27" s="396"/>
      <c r="AG27" s="396"/>
      <c r="AH27" s="396"/>
      <c r="AI27" s="396"/>
      <c r="AJ27" s="396"/>
      <c r="AK27" s="396"/>
      <c r="AL27" s="397"/>
      <c r="AM27" s="420" t="s">
        <v>553</v>
      </c>
      <c r="AN27" s="420"/>
      <c r="AO27" s="420"/>
      <c r="AP27" s="420"/>
      <c r="AQ27" s="420"/>
      <c r="AR27" s="420"/>
      <c r="AS27" s="420"/>
      <c r="AT27" s="420"/>
      <c r="AU27" s="420"/>
      <c r="AV27" s="420"/>
      <c r="AW27" s="420"/>
      <c r="AX27" s="420"/>
      <c r="AY27" s="420"/>
      <c r="AZ27" s="420"/>
      <c r="BA27" s="420"/>
      <c r="BB27" s="420"/>
      <c r="BC27" s="420"/>
      <c r="BD27" s="420"/>
      <c r="BE27" s="420"/>
      <c r="BF27" s="420"/>
      <c r="BG27" s="420"/>
      <c r="BH27" s="420"/>
      <c r="BI27" s="420"/>
      <c r="BJ27" s="420"/>
      <c r="BK27" s="420"/>
      <c r="BL27" s="420"/>
      <c r="BM27" s="420"/>
      <c r="BN27" s="420"/>
      <c r="BO27" s="420"/>
      <c r="BP27" s="420"/>
      <c r="BQ27" s="420"/>
      <c r="BR27" s="420"/>
      <c r="BS27" s="420"/>
      <c r="BT27" s="227" t="s">
        <v>523</v>
      </c>
      <c r="BU27" s="228"/>
      <c r="BV27" s="228"/>
      <c r="BW27" s="228"/>
      <c r="BX27" s="229"/>
    </row>
    <row r="28" spans="1:77" s="3" customFormat="1" ht="35" customHeight="1" x14ac:dyDescent="0.2">
      <c r="A28" s="676"/>
      <c r="B28" s="676"/>
      <c r="C28" s="387"/>
      <c r="D28" s="387"/>
      <c r="E28" s="387"/>
      <c r="F28" s="387"/>
      <c r="G28" s="348"/>
      <c r="H28" s="398">
        <f>入力してください!G48</f>
        <v>0</v>
      </c>
      <c r="I28" s="399"/>
      <c r="J28" s="399"/>
      <c r="K28" s="399"/>
      <c r="L28" s="399"/>
      <c r="M28" s="399"/>
      <c r="N28" s="399"/>
      <c r="O28" s="399"/>
      <c r="P28" s="399"/>
      <c r="Q28" s="399"/>
      <c r="R28" s="399"/>
      <c r="S28" s="399"/>
      <c r="T28" s="399"/>
      <c r="U28" s="399"/>
      <c r="V28" s="399"/>
      <c r="W28" s="399"/>
      <c r="X28" s="399"/>
      <c r="Y28" s="399"/>
      <c r="Z28" s="399"/>
      <c r="AA28" s="399"/>
      <c r="AB28" s="399"/>
      <c r="AC28" s="399"/>
      <c r="AD28" s="399"/>
      <c r="AE28" s="399"/>
      <c r="AF28" s="399"/>
      <c r="AG28" s="399"/>
      <c r="AH28" s="399"/>
      <c r="AI28" s="399"/>
      <c r="AJ28" s="399"/>
      <c r="AK28" s="399"/>
      <c r="AL28" s="399"/>
      <c r="AM28" s="420" t="s">
        <v>555</v>
      </c>
      <c r="AN28" s="420"/>
      <c r="AO28" s="420"/>
      <c r="AP28" s="420"/>
      <c r="AQ28" s="420"/>
      <c r="AR28" s="420"/>
      <c r="AS28" s="420"/>
      <c r="AT28" s="420"/>
      <c r="AU28" s="420"/>
      <c r="AV28" s="420"/>
      <c r="AW28" s="420"/>
      <c r="AX28" s="420"/>
      <c r="AY28" s="420"/>
      <c r="AZ28" s="420"/>
      <c r="BA28" s="420"/>
      <c r="BB28" s="420"/>
      <c r="BC28" s="420"/>
      <c r="BD28" s="420"/>
      <c r="BE28" s="420"/>
      <c r="BF28" s="420"/>
      <c r="BG28" s="420"/>
      <c r="BH28" s="420"/>
      <c r="BI28" s="420"/>
      <c r="BJ28" s="420"/>
      <c r="BK28" s="420"/>
      <c r="BL28" s="420"/>
      <c r="BM28" s="420"/>
      <c r="BN28" s="420"/>
      <c r="BO28" s="420"/>
      <c r="BP28" s="420"/>
      <c r="BQ28" s="420"/>
      <c r="BR28" s="420"/>
      <c r="BS28" s="420"/>
      <c r="BT28" s="230"/>
      <c r="BU28" s="231"/>
      <c r="BV28" s="231"/>
      <c r="BW28" s="231"/>
      <c r="BX28" s="232"/>
    </row>
    <row r="29" spans="1:77" s="3" customFormat="1" ht="24.5" customHeight="1" x14ac:dyDescent="0.2">
      <c r="A29" s="676" t="s">
        <v>509</v>
      </c>
      <c r="B29" s="676"/>
      <c r="C29" s="334" t="s">
        <v>510</v>
      </c>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4"/>
      <c r="AE29" s="334"/>
      <c r="AF29" s="334"/>
      <c r="AG29" s="334"/>
      <c r="AH29" s="334"/>
      <c r="AI29" s="334"/>
      <c r="AJ29" s="334"/>
      <c r="AK29" s="334"/>
      <c r="AL29" s="334"/>
      <c r="AM29" s="426" t="s">
        <v>556</v>
      </c>
      <c r="AN29" s="427"/>
      <c r="AO29" s="427"/>
      <c r="AP29" s="427"/>
      <c r="AQ29" s="427"/>
      <c r="AR29" s="427"/>
      <c r="AS29" s="427"/>
      <c r="AT29" s="427"/>
      <c r="AU29" s="427"/>
      <c r="AV29" s="427"/>
      <c r="AW29" s="427"/>
      <c r="AX29" s="427"/>
      <c r="AY29" s="427"/>
      <c r="AZ29" s="427"/>
      <c r="BA29" s="427"/>
      <c r="BB29" s="427"/>
      <c r="BC29" s="427"/>
      <c r="BD29" s="427"/>
      <c r="BE29" s="427"/>
      <c r="BF29" s="427"/>
      <c r="BG29" s="427"/>
      <c r="BH29" s="427"/>
      <c r="BI29" s="427"/>
      <c r="BJ29" s="427"/>
      <c r="BK29" s="427"/>
      <c r="BL29" s="427"/>
      <c r="BM29" s="427"/>
      <c r="BN29" s="427"/>
      <c r="BO29" s="427"/>
      <c r="BP29" s="427"/>
      <c r="BQ29" s="427"/>
      <c r="BR29" s="427"/>
      <c r="BS29" s="428"/>
      <c r="BT29" s="230"/>
      <c r="BU29" s="231"/>
      <c r="BV29" s="231"/>
      <c r="BW29" s="231"/>
      <c r="BX29" s="232"/>
    </row>
    <row r="30" spans="1:77" s="3" customFormat="1" ht="24.5" customHeight="1" x14ac:dyDescent="0.2">
      <c r="A30" s="676"/>
      <c r="B30" s="676"/>
      <c r="C30" s="267">
        <f>入力してください!G54</f>
        <v>0</v>
      </c>
      <c r="D30" s="267"/>
      <c r="E30" s="267"/>
      <c r="F30" s="334" t="s">
        <v>514</v>
      </c>
      <c r="G30" s="334"/>
      <c r="H30" s="334"/>
      <c r="I30" s="334"/>
      <c r="J30" s="334"/>
      <c r="K30" s="334"/>
      <c r="L30" s="334"/>
      <c r="M30" s="334"/>
      <c r="N30" s="334"/>
      <c r="O30" s="334"/>
      <c r="P30" s="334"/>
      <c r="Q30" s="334"/>
      <c r="R30" s="334"/>
      <c r="S30" s="334"/>
      <c r="T30" s="334"/>
      <c r="U30" s="267">
        <f>入力してください!G56</f>
        <v>0</v>
      </c>
      <c r="V30" s="267"/>
      <c r="W30" s="267"/>
      <c r="X30" s="334" t="s">
        <v>512</v>
      </c>
      <c r="Y30" s="334"/>
      <c r="Z30" s="334"/>
      <c r="AA30" s="334"/>
      <c r="AB30" s="334"/>
      <c r="AC30" s="334"/>
      <c r="AD30" s="334"/>
      <c r="AE30" s="334"/>
      <c r="AF30" s="334"/>
      <c r="AG30" s="334"/>
      <c r="AH30" s="334"/>
      <c r="AI30" s="334"/>
      <c r="AJ30" s="334"/>
      <c r="AK30" s="334"/>
      <c r="AL30" s="334"/>
      <c r="AM30" s="429"/>
      <c r="AN30" s="430"/>
      <c r="AO30" s="430"/>
      <c r="AP30" s="430"/>
      <c r="AQ30" s="430"/>
      <c r="AR30" s="430"/>
      <c r="AS30" s="430"/>
      <c r="AT30" s="430"/>
      <c r="AU30" s="430"/>
      <c r="AV30" s="430"/>
      <c r="AW30" s="430"/>
      <c r="AX30" s="430"/>
      <c r="AY30" s="430"/>
      <c r="AZ30" s="430"/>
      <c r="BA30" s="430"/>
      <c r="BB30" s="430"/>
      <c r="BC30" s="430"/>
      <c r="BD30" s="430"/>
      <c r="BE30" s="430"/>
      <c r="BF30" s="430"/>
      <c r="BG30" s="430"/>
      <c r="BH30" s="430"/>
      <c r="BI30" s="430"/>
      <c r="BJ30" s="430"/>
      <c r="BK30" s="430"/>
      <c r="BL30" s="430"/>
      <c r="BM30" s="430"/>
      <c r="BN30" s="430"/>
      <c r="BO30" s="430"/>
      <c r="BP30" s="430"/>
      <c r="BQ30" s="430"/>
      <c r="BR30" s="430"/>
      <c r="BS30" s="431"/>
      <c r="BT30" s="233"/>
      <c r="BU30" s="234"/>
      <c r="BV30" s="234"/>
      <c r="BW30" s="234"/>
      <c r="BX30" s="235"/>
    </row>
    <row r="31" spans="1:77" s="3" customFormat="1" ht="24.5" customHeight="1" x14ac:dyDescent="0.2">
      <c r="A31" s="676"/>
      <c r="B31" s="676"/>
      <c r="C31" s="267">
        <f>入力してください!G55</f>
        <v>0</v>
      </c>
      <c r="D31" s="267"/>
      <c r="E31" s="267"/>
      <c r="F31" s="334" t="s">
        <v>515</v>
      </c>
      <c r="G31" s="334"/>
      <c r="H31" s="334"/>
      <c r="I31" s="334"/>
      <c r="J31" s="334"/>
      <c r="K31" s="334"/>
      <c r="L31" s="334"/>
      <c r="M31" s="334"/>
      <c r="N31" s="334"/>
      <c r="O31" s="334"/>
      <c r="P31" s="334"/>
      <c r="Q31" s="334"/>
      <c r="R31" s="334"/>
      <c r="S31" s="334"/>
      <c r="T31" s="334"/>
      <c r="U31" s="267">
        <f>入力してください!G57</f>
        <v>0</v>
      </c>
      <c r="V31" s="267"/>
      <c r="W31" s="267"/>
      <c r="X31" s="405" t="s">
        <v>513</v>
      </c>
      <c r="Y31" s="406"/>
      <c r="Z31" s="406"/>
      <c r="AA31" s="406"/>
      <c r="AB31" s="406"/>
      <c r="AC31" s="406"/>
      <c r="AD31" s="406"/>
      <c r="AE31" s="406"/>
      <c r="AF31" s="406"/>
      <c r="AG31" s="406"/>
      <c r="AH31" s="406"/>
      <c r="AI31" s="406"/>
      <c r="AJ31" s="406"/>
      <c r="AK31" s="406"/>
      <c r="AL31" s="407"/>
      <c r="AM31" s="426" t="s">
        <v>557</v>
      </c>
      <c r="AN31" s="427"/>
      <c r="AO31" s="427"/>
      <c r="AP31" s="427"/>
      <c r="AQ31" s="427"/>
      <c r="AR31" s="427"/>
      <c r="AS31" s="427"/>
      <c r="AT31" s="427"/>
      <c r="AU31" s="427"/>
      <c r="AV31" s="427"/>
      <c r="AW31" s="427"/>
      <c r="AX31" s="427"/>
      <c r="AY31" s="427"/>
      <c r="AZ31" s="427"/>
      <c r="BA31" s="427"/>
      <c r="BB31" s="427"/>
      <c r="BC31" s="427"/>
      <c r="BD31" s="427"/>
      <c r="BE31" s="427"/>
      <c r="BF31" s="427"/>
      <c r="BG31" s="427"/>
      <c r="BH31" s="427"/>
      <c r="BI31" s="427"/>
      <c r="BJ31" s="427"/>
      <c r="BK31" s="427"/>
      <c r="BL31" s="427"/>
      <c r="BM31" s="427"/>
      <c r="BN31" s="427"/>
      <c r="BO31" s="427"/>
      <c r="BP31" s="427"/>
      <c r="BQ31" s="427"/>
      <c r="BR31" s="427"/>
      <c r="BS31" s="428"/>
      <c r="BT31" s="304">
        <f>入力してください!AC93</f>
        <v>0</v>
      </c>
      <c r="BU31" s="305"/>
      <c r="BV31" s="305"/>
      <c r="BW31" s="305"/>
      <c r="BX31" s="306"/>
    </row>
    <row r="32" spans="1:77" s="3" customFormat="1" ht="24.5" customHeight="1" x14ac:dyDescent="0.2">
      <c r="A32" s="676"/>
      <c r="B32" s="676"/>
      <c r="C32" s="334" t="s">
        <v>511</v>
      </c>
      <c r="D32" s="334"/>
      <c r="E32" s="334"/>
      <c r="F32" s="334"/>
      <c r="G32" s="334"/>
      <c r="H32" s="334"/>
      <c r="I32" s="334"/>
      <c r="J32" s="334"/>
      <c r="K32" s="334"/>
      <c r="L32" s="334"/>
      <c r="M32" s="334"/>
      <c r="N32" s="334"/>
      <c r="O32" s="334"/>
      <c r="P32" s="334"/>
      <c r="Q32" s="334"/>
      <c r="R32" s="334"/>
      <c r="S32" s="334"/>
      <c r="T32" s="334"/>
      <c r="U32" s="334"/>
      <c r="V32" s="334"/>
      <c r="W32" s="334"/>
      <c r="X32" s="334"/>
      <c r="Y32" s="334"/>
      <c r="Z32" s="334"/>
      <c r="AA32" s="334"/>
      <c r="AB32" s="334"/>
      <c r="AC32" s="334"/>
      <c r="AD32" s="334"/>
      <c r="AE32" s="334"/>
      <c r="AF32" s="334"/>
      <c r="AG32" s="334"/>
      <c r="AH32" s="334"/>
      <c r="AI32" s="334"/>
      <c r="AJ32" s="334"/>
      <c r="AK32" s="334"/>
      <c r="AL32" s="334"/>
      <c r="AM32" s="429"/>
      <c r="AN32" s="430"/>
      <c r="AO32" s="430"/>
      <c r="AP32" s="430"/>
      <c r="AQ32" s="430"/>
      <c r="AR32" s="430"/>
      <c r="AS32" s="430"/>
      <c r="AT32" s="430"/>
      <c r="AU32" s="430"/>
      <c r="AV32" s="430"/>
      <c r="AW32" s="430"/>
      <c r="AX32" s="430"/>
      <c r="AY32" s="430"/>
      <c r="AZ32" s="430"/>
      <c r="BA32" s="430"/>
      <c r="BB32" s="430"/>
      <c r="BC32" s="430"/>
      <c r="BD32" s="430"/>
      <c r="BE32" s="430"/>
      <c r="BF32" s="430"/>
      <c r="BG32" s="430"/>
      <c r="BH32" s="430"/>
      <c r="BI32" s="430"/>
      <c r="BJ32" s="430"/>
      <c r="BK32" s="430"/>
      <c r="BL32" s="430"/>
      <c r="BM32" s="430"/>
      <c r="BN32" s="430"/>
      <c r="BO32" s="430"/>
      <c r="BP32" s="430"/>
      <c r="BQ32" s="430"/>
      <c r="BR32" s="430"/>
      <c r="BS32" s="431"/>
      <c r="BT32" s="307"/>
      <c r="BU32" s="308"/>
      <c r="BV32" s="308"/>
      <c r="BW32" s="308"/>
      <c r="BX32" s="309"/>
    </row>
    <row r="33" spans="1:77" s="3" customFormat="1" ht="24.5" customHeight="1" x14ac:dyDescent="0.2">
      <c r="A33" s="676"/>
      <c r="B33" s="676"/>
      <c r="C33" s="333" t="s">
        <v>516</v>
      </c>
      <c r="D33" s="333"/>
      <c r="E33" s="333"/>
      <c r="F33" s="286" t="str">
        <f>IF(入力してください!R61="","",IF(入力してください!R61="その他の給付金等",入力してください!R62,入力してください!R61))</f>
        <v/>
      </c>
      <c r="G33" s="286"/>
      <c r="H33" s="286"/>
      <c r="I33" s="286"/>
      <c r="J33" s="286"/>
      <c r="K33" s="286"/>
      <c r="L33" s="286"/>
      <c r="M33" s="286"/>
      <c r="N33" s="286"/>
      <c r="O33" s="286"/>
      <c r="P33" s="286"/>
      <c r="Q33" s="286"/>
      <c r="R33" s="286"/>
      <c r="S33" s="286"/>
      <c r="T33" s="286"/>
      <c r="U33" s="333" t="s">
        <v>517</v>
      </c>
      <c r="V33" s="333"/>
      <c r="W33" s="333"/>
      <c r="X33" s="286">
        <f>入力してください!R63</f>
        <v>0</v>
      </c>
      <c r="Y33" s="286"/>
      <c r="Z33" s="286"/>
      <c r="AA33" s="286"/>
      <c r="AB33" s="286"/>
      <c r="AC33" s="286"/>
      <c r="AD33" s="286"/>
      <c r="AE33" s="286"/>
      <c r="AF33" s="286"/>
      <c r="AG33" s="286"/>
      <c r="AH33" s="286"/>
      <c r="AI33" s="286"/>
      <c r="AJ33" s="286"/>
      <c r="AK33" s="286"/>
      <c r="AL33" s="286"/>
      <c r="AM33" s="420" t="s">
        <v>554</v>
      </c>
      <c r="AN33" s="420"/>
      <c r="AO33" s="420"/>
      <c r="AP33" s="420"/>
      <c r="AQ33" s="420"/>
      <c r="AR33" s="420"/>
      <c r="AS33" s="420"/>
      <c r="AT33" s="420"/>
      <c r="AU33" s="420"/>
      <c r="AV33" s="420"/>
      <c r="AW33" s="420"/>
      <c r="AX33" s="420"/>
      <c r="AY33" s="420"/>
      <c r="AZ33" s="420"/>
      <c r="BA33" s="420"/>
      <c r="BB33" s="420"/>
      <c r="BC33" s="420"/>
      <c r="BD33" s="420"/>
      <c r="BE33" s="420"/>
      <c r="BF33" s="420"/>
      <c r="BG33" s="420"/>
      <c r="BH33" s="420"/>
      <c r="BI33" s="420"/>
      <c r="BJ33" s="420"/>
      <c r="BK33" s="420"/>
      <c r="BL33" s="420"/>
      <c r="BM33" s="420"/>
      <c r="BN33" s="420"/>
      <c r="BO33" s="420"/>
      <c r="BP33" s="420"/>
      <c r="BQ33" s="420"/>
      <c r="BR33" s="420"/>
      <c r="BS33" s="420"/>
      <c r="BT33" s="331">
        <f>入力してください!AC94</f>
        <v>0</v>
      </c>
      <c r="BU33" s="331"/>
      <c r="BV33" s="331"/>
      <c r="BW33" s="331"/>
      <c r="BX33" s="331"/>
    </row>
    <row r="34" spans="1:77" s="3" customFormat="1" ht="23" customHeight="1" x14ac:dyDescent="0.2">
      <c r="A34" s="676"/>
      <c r="B34" s="676"/>
      <c r="C34" s="408" t="s">
        <v>587</v>
      </c>
      <c r="D34" s="408"/>
      <c r="E34" s="408"/>
      <c r="F34" s="286">
        <f>入力してください!R64</f>
        <v>0</v>
      </c>
      <c r="G34" s="286"/>
      <c r="H34" s="286"/>
      <c r="I34" s="286"/>
      <c r="J34" s="286"/>
      <c r="K34" s="286"/>
      <c r="L34" s="286"/>
      <c r="M34" s="286"/>
      <c r="N34" s="286"/>
      <c r="O34" s="286"/>
      <c r="P34" s="286"/>
      <c r="Q34" s="286"/>
      <c r="R34" s="286"/>
      <c r="S34" s="286"/>
      <c r="T34" s="286"/>
      <c r="U34" s="286"/>
      <c r="V34" s="286"/>
      <c r="W34" s="286"/>
      <c r="X34" s="286"/>
      <c r="Y34" s="286"/>
      <c r="Z34" s="286"/>
      <c r="AA34" s="286"/>
      <c r="AB34" s="286"/>
      <c r="AC34" s="286"/>
      <c r="AD34" s="286"/>
      <c r="AE34" s="286"/>
      <c r="AF34" s="286"/>
      <c r="AG34" s="286"/>
      <c r="AH34" s="286"/>
      <c r="AI34" s="286"/>
      <c r="AJ34" s="286"/>
      <c r="AK34" s="286"/>
      <c r="AL34" s="286"/>
      <c r="AM34" s="420" t="s">
        <v>558</v>
      </c>
      <c r="AN34" s="420"/>
      <c r="AO34" s="420"/>
      <c r="AP34" s="420"/>
      <c r="AQ34" s="420"/>
      <c r="AR34" s="420"/>
      <c r="AS34" s="420"/>
      <c r="AT34" s="420"/>
      <c r="AU34" s="420"/>
      <c r="AV34" s="420"/>
      <c r="AW34" s="420"/>
      <c r="AX34" s="420"/>
      <c r="AY34" s="420"/>
      <c r="AZ34" s="420"/>
      <c r="BA34" s="420"/>
      <c r="BB34" s="420"/>
      <c r="BC34" s="420"/>
      <c r="BD34" s="420"/>
      <c r="BE34" s="420"/>
      <c r="BF34" s="420"/>
      <c r="BG34" s="420"/>
      <c r="BH34" s="420"/>
      <c r="BI34" s="420"/>
      <c r="BJ34" s="420"/>
      <c r="BK34" s="420"/>
      <c r="BL34" s="420"/>
      <c r="BM34" s="420"/>
      <c r="BN34" s="420"/>
      <c r="BO34" s="420"/>
      <c r="BP34" s="420"/>
      <c r="BQ34" s="420"/>
      <c r="BR34" s="420"/>
      <c r="BS34" s="420"/>
      <c r="BT34" s="332">
        <f>入力してください!AC95</f>
        <v>0</v>
      </c>
      <c r="BU34" s="332"/>
      <c r="BV34" s="332"/>
      <c r="BW34" s="332"/>
      <c r="BX34" s="332"/>
    </row>
    <row r="35" spans="1:77" s="3" customFormat="1" ht="24.5" customHeight="1" x14ac:dyDescent="0.2">
      <c r="A35" s="226"/>
      <c r="B35" s="226"/>
      <c r="C35" s="226"/>
      <c r="D35" s="226"/>
      <c r="E35" s="226"/>
      <c r="F35" s="226"/>
      <c r="G35" s="226"/>
      <c r="H35" s="226"/>
      <c r="I35" s="226"/>
      <c r="J35" s="226"/>
      <c r="K35" s="226"/>
      <c r="L35" s="409" t="s">
        <v>550</v>
      </c>
      <c r="M35" s="225"/>
      <c r="N35" s="225"/>
      <c r="O35" s="225"/>
      <c r="P35" s="225"/>
      <c r="Q35" s="225"/>
      <c r="R35" s="225"/>
      <c r="S35" s="225"/>
      <c r="T35" s="225"/>
      <c r="U35" s="410" t="s">
        <v>549</v>
      </c>
      <c r="V35" s="225"/>
      <c r="W35" s="225"/>
      <c r="X35" s="225"/>
      <c r="Y35" s="225"/>
      <c r="Z35" s="225"/>
      <c r="AA35" s="225"/>
      <c r="AB35" s="225"/>
      <c r="AC35" s="225"/>
      <c r="AD35" s="411" t="s">
        <v>530</v>
      </c>
      <c r="AE35" s="411"/>
      <c r="AF35" s="411"/>
      <c r="AG35" s="411"/>
      <c r="AH35" s="411"/>
      <c r="AI35" s="411"/>
      <c r="AJ35" s="411"/>
      <c r="AK35" s="411"/>
      <c r="AL35" s="411"/>
      <c r="AM35" s="412" t="s">
        <v>530</v>
      </c>
      <c r="AN35" s="413"/>
      <c r="AO35" s="413"/>
      <c r="AP35" s="413"/>
      <c r="AQ35" s="413"/>
      <c r="AR35" s="413"/>
      <c r="AS35" s="413"/>
      <c r="AT35" s="413"/>
      <c r="AU35" s="413"/>
      <c r="AV35" s="413"/>
      <c r="AW35" s="413"/>
      <c r="AX35" s="413"/>
      <c r="AY35" s="413"/>
      <c r="AZ35" s="413"/>
      <c r="BA35" s="413"/>
      <c r="BB35" s="413"/>
      <c r="BC35" s="413"/>
      <c r="BD35" s="413"/>
      <c r="BE35" s="413"/>
      <c r="BF35" s="413"/>
      <c r="BG35" s="413"/>
      <c r="BH35" s="413"/>
      <c r="BI35" s="413"/>
      <c r="BJ35" s="413"/>
      <c r="BK35" s="413"/>
      <c r="BL35" s="413"/>
      <c r="BM35" s="413"/>
      <c r="BN35" s="413"/>
      <c r="BO35" s="413"/>
      <c r="BP35" s="413"/>
      <c r="BQ35" s="413"/>
      <c r="BR35" s="413"/>
      <c r="BS35" s="413"/>
      <c r="BT35" s="413"/>
      <c r="BU35" s="413"/>
      <c r="BV35" s="413"/>
      <c r="BW35" s="413"/>
      <c r="BX35" s="413"/>
    </row>
    <row r="36" spans="1:77" s="3" customFormat="1" ht="24.5" customHeight="1" x14ac:dyDescent="0.2">
      <c r="A36" s="226"/>
      <c r="B36" s="226"/>
      <c r="C36" s="226"/>
      <c r="D36" s="226"/>
      <c r="E36" s="226"/>
      <c r="F36" s="226"/>
      <c r="G36" s="226"/>
      <c r="H36" s="226"/>
      <c r="I36" s="226"/>
      <c r="J36" s="226"/>
      <c r="K36" s="226"/>
      <c r="L36" s="409"/>
      <c r="M36" s="225"/>
      <c r="N36" s="225"/>
      <c r="O36" s="225"/>
      <c r="P36" s="225"/>
      <c r="Q36" s="225"/>
      <c r="R36" s="225"/>
      <c r="S36" s="225"/>
      <c r="T36" s="225"/>
      <c r="U36" s="410"/>
      <c r="V36" s="225"/>
      <c r="W36" s="225"/>
      <c r="X36" s="225"/>
      <c r="Y36" s="225"/>
      <c r="Z36" s="225"/>
      <c r="AA36" s="225"/>
      <c r="AB36" s="225"/>
      <c r="AC36" s="225"/>
      <c r="AD36" s="411" t="s">
        <v>547</v>
      </c>
      <c r="AE36" s="411"/>
      <c r="AF36" s="411"/>
      <c r="AG36" s="411" t="s">
        <v>503</v>
      </c>
      <c r="AH36" s="411"/>
      <c r="AI36" s="411"/>
      <c r="AJ36" s="411" t="s">
        <v>548</v>
      </c>
      <c r="AK36" s="411"/>
      <c r="AL36" s="411"/>
      <c r="AM36" s="409" t="s">
        <v>580</v>
      </c>
      <c r="AN36" s="409"/>
      <c r="AO36" s="409"/>
      <c r="AP36" s="409" t="s">
        <v>531</v>
      </c>
      <c r="AQ36" s="409"/>
      <c r="AR36" s="409"/>
      <c r="AS36" s="409"/>
      <c r="AT36" s="409"/>
      <c r="AU36" s="409" t="s">
        <v>445</v>
      </c>
      <c r="AV36" s="409"/>
      <c r="AW36" s="409"/>
      <c r="AX36" s="409" t="s">
        <v>537</v>
      </c>
      <c r="AY36" s="409"/>
      <c r="AZ36" s="409"/>
      <c r="BA36" s="409" t="s">
        <v>532</v>
      </c>
      <c r="BB36" s="409"/>
      <c r="BC36" s="409"/>
      <c r="BD36" s="409" t="s">
        <v>588</v>
      </c>
      <c r="BE36" s="409"/>
      <c r="BF36" s="409"/>
      <c r="BG36" s="409"/>
      <c r="BH36" s="409" t="s">
        <v>579</v>
      </c>
      <c r="BI36" s="409"/>
      <c r="BJ36" s="409"/>
      <c r="BK36" s="409" t="s">
        <v>533</v>
      </c>
      <c r="BL36" s="409"/>
      <c r="BM36" s="409"/>
      <c r="BN36" s="409" t="s">
        <v>536</v>
      </c>
      <c r="BO36" s="409"/>
      <c r="BP36" s="409"/>
      <c r="BQ36" s="409"/>
      <c r="BR36" s="409" t="s">
        <v>578</v>
      </c>
      <c r="BS36" s="409"/>
      <c r="BT36" s="409"/>
      <c r="BU36" s="409"/>
      <c r="BV36" s="409" t="s">
        <v>535</v>
      </c>
      <c r="BW36" s="409"/>
      <c r="BX36" s="409"/>
    </row>
    <row r="37" spans="1:77" s="3" customFormat="1" ht="24.5" customHeight="1" x14ac:dyDescent="0.2">
      <c r="A37" s="226"/>
      <c r="B37" s="226"/>
      <c r="C37" s="226"/>
      <c r="D37" s="226"/>
      <c r="E37" s="226"/>
      <c r="F37" s="226"/>
      <c r="G37" s="226"/>
      <c r="H37" s="226"/>
      <c r="I37" s="226"/>
      <c r="J37" s="226"/>
      <c r="K37" s="226"/>
      <c r="L37" s="409"/>
      <c r="M37" s="225"/>
      <c r="N37" s="225"/>
      <c r="O37" s="225"/>
      <c r="P37" s="225"/>
      <c r="Q37" s="225"/>
      <c r="R37" s="225"/>
      <c r="S37" s="225"/>
      <c r="T37" s="225"/>
      <c r="U37" s="410"/>
      <c r="V37" s="225"/>
      <c r="W37" s="225"/>
      <c r="X37" s="225"/>
      <c r="Y37" s="225"/>
      <c r="Z37" s="225"/>
      <c r="AA37" s="225"/>
      <c r="AB37" s="225"/>
      <c r="AC37" s="225"/>
      <c r="AD37" s="246"/>
      <c r="AE37" s="245"/>
      <c r="AF37" s="247"/>
      <c r="AG37" s="246"/>
      <c r="AH37" s="245"/>
      <c r="AI37" s="247"/>
      <c r="AJ37" s="246"/>
      <c r="AK37" s="245"/>
      <c r="AL37" s="247"/>
      <c r="AM37" s="409"/>
      <c r="AN37" s="409"/>
      <c r="AO37" s="409"/>
      <c r="AP37" s="414" t="s">
        <v>538</v>
      </c>
      <c r="AQ37" s="415"/>
      <c r="AR37" s="415"/>
      <c r="AS37" s="415"/>
      <c r="AT37" s="416"/>
      <c r="AU37" s="414" t="s">
        <v>539</v>
      </c>
      <c r="AV37" s="415"/>
      <c r="AW37" s="416"/>
      <c r="AX37" s="414" t="s">
        <v>448</v>
      </c>
      <c r="AY37" s="415"/>
      <c r="AZ37" s="416"/>
      <c r="BA37" s="414" t="s">
        <v>448</v>
      </c>
      <c r="BB37" s="415"/>
      <c r="BC37" s="416"/>
      <c r="BD37" s="414" t="s">
        <v>448</v>
      </c>
      <c r="BE37" s="415"/>
      <c r="BF37" s="415"/>
      <c r="BG37" s="416"/>
      <c r="BH37" s="409"/>
      <c r="BI37" s="409"/>
      <c r="BJ37" s="409"/>
      <c r="BK37" s="414" t="s">
        <v>448</v>
      </c>
      <c r="BL37" s="415"/>
      <c r="BM37" s="416"/>
      <c r="BN37" s="414" t="s">
        <v>448</v>
      </c>
      <c r="BO37" s="415"/>
      <c r="BP37" s="415"/>
      <c r="BQ37" s="416"/>
      <c r="BR37" s="414" t="s">
        <v>448</v>
      </c>
      <c r="BS37" s="415"/>
      <c r="BT37" s="415"/>
      <c r="BU37" s="416"/>
      <c r="BV37" s="414" t="s">
        <v>448</v>
      </c>
      <c r="BW37" s="415"/>
      <c r="BX37" s="416"/>
    </row>
    <row r="38" spans="1:77" s="3" customFormat="1" ht="24.5" customHeight="1" x14ac:dyDescent="0.2">
      <c r="A38" s="226"/>
      <c r="B38" s="226"/>
      <c r="C38" s="226"/>
      <c r="D38" s="226"/>
      <c r="E38" s="226"/>
      <c r="F38" s="226"/>
      <c r="G38" s="226"/>
      <c r="H38" s="226"/>
      <c r="I38" s="226"/>
      <c r="J38" s="226"/>
      <c r="K38" s="226"/>
      <c r="L38" s="409"/>
      <c r="M38" s="225"/>
      <c r="N38" s="225"/>
      <c r="O38" s="225"/>
      <c r="P38" s="225"/>
      <c r="Q38" s="225"/>
      <c r="R38" s="225"/>
      <c r="S38" s="225"/>
      <c r="T38" s="225"/>
      <c r="U38" s="410"/>
      <c r="V38" s="225"/>
      <c r="W38" s="225"/>
      <c r="X38" s="225"/>
      <c r="Y38" s="225"/>
      <c r="Z38" s="225"/>
      <c r="AA38" s="225"/>
      <c r="AB38" s="225"/>
      <c r="AC38" s="225"/>
      <c r="AD38" s="243"/>
      <c r="AE38" s="242"/>
      <c r="AF38" s="244"/>
      <c r="AG38" s="243"/>
      <c r="AH38" s="242"/>
      <c r="AI38" s="244"/>
      <c r="AJ38" s="243"/>
      <c r="AK38" s="242"/>
      <c r="AL38" s="244"/>
      <c r="AM38" s="409" t="s">
        <v>534</v>
      </c>
      <c r="AN38" s="409"/>
      <c r="AO38" s="409"/>
      <c r="AP38" s="409" t="s">
        <v>545</v>
      </c>
      <c r="AQ38" s="409"/>
      <c r="AR38" s="409"/>
      <c r="AS38" s="409"/>
      <c r="AT38" s="409"/>
      <c r="AU38" s="409"/>
      <c r="AV38" s="409"/>
      <c r="AW38" s="409"/>
      <c r="AX38" s="409"/>
      <c r="AY38" s="409"/>
      <c r="AZ38" s="409"/>
      <c r="BA38" s="409" t="s">
        <v>447</v>
      </c>
      <c r="BB38" s="409"/>
      <c r="BC38" s="409"/>
      <c r="BD38" s="409"/>
      <c r="BE38" s="409"/>
      <c r="BF38" s="409"/>
      <c r="BG38" s="409"/>
      <c r="BH38" s="409" t="s">
        <v>446</v>
      </c>
      <c r="BI38" s="409"/>
      <c r="BJ38" s="409"/>
      <c r="BK38" s="409" t="s">
        <v>540</v>
      </c>
      <c r="BL38" s="409"/>
      <c r="BM38" s="409"/>
      <c r="BN38" s="409" t="s">
        <v>541</v>
      </c>
      <c r="BO38" s="409"/>
      <c r="BP38" s="409"/>
      <c r="BQ38" s="409"/>
      <c r="BR38" s="409" t="s">
        <v>542</v>
      </c>
      <c r="BS38" s="409"/>
      <c r="BT38" s="409"/>
      <c r="BU38" s="409"/>
      <c r="BV38" s="251" t="s">
        <v>543</v>
      </c>
      <c r="BW38" s="251"/>
      <c r="BX38" s="54" t="s">
        <v>544</v>
      </c>
    </row>
    <row r="39" spans="1:77" s="3" customFormat="1" ht="24.5" customHeight="1" x14ac:dyDescent="0.2">
      <c r="A39" s="226"/>
      <c r="B39" s="226"/>
      <c r="C39" s="226"/>
      <c r="D39" s="226"/>
      <c r="E39" s="226"/>
      <c r="F39" s="226"/>
      <c r="G39" s="226"/>
      <c r="H39" s="226"/>
      <c r="I39" s="226"/>
      <c r="J39" s="226"/>
      <c r="K39" s="226"/>
      <c r="L39" s="409"/>
      <c r="M39" s="225"/>
      <c r="N39" s="225"/>
      <c r="O39" s="225"/>
      <c r="P39" s="225"/>
      <c r="Q39" s="225"/>
      <c r="R39" s="225"/>
      <c r="S39" s="225"/>
      <c r="T39" s="225"/>
      <c r="U39" s="410"/>
      <c r="V39" s="225"/>
      <c r="W39" s="225"/>
      <c r="X39" s="225"/>
      <c r="Y39" s="225"/>
      <c r="Z39" s="225"/>
      <c r="AA39" s="225"/>
      <c r="AB39" s="225"/>
      <c r="AC39" s="225"/>
      <c r="AD39" s="248"/>
      <c r="AE39" s="249"/>
      <c r="AF39" s="250"/>
      <c r="AG39" s="248"/>
      <c r="AH39" s="249"/>
      <c r="AI39" s="250"/>
      <c r="AJ39" s="248"/>
      <c r="AK39" s="249"/>
      <c r="AL39" s="250"/>
      <c r="AM39" s="409"/>
      <c r="AN39" s="409"/>
      <c r="AO39" s="409"/>
      <c r="AP39" s="417" t="s">
        <v>546</v>
      </c>
      <c r="AQ39" s="417"/>
      <c r="AR39" s="417"/>
      <c r="AS39" s="417"/>
      <c r="AT39" s="417"/>
      <c r="AU39" s="417"/>
      <c r="AV39" s="417"/>
      <c r="AW39" s="417"/>
      <c r="AX39" s="417"/>
      <c r="AY39" s="417"/>
      <c r="AZ39" s="417"/>
      <c r="BA39" s="417" t="s">
        <v>577</v>
      </c>
      <c r="BB39" s="417"/>
      <c r="BC39" s="417"/>
      <c r="BD39" s="417"/>
      <c r="BE39" s="417"/>
      <c r="BF39" s="417"/>
      <c r="BG39" s="417"/>
      <c r="BH39" s="417" t="s">
        <v>448</v>
      </c>
      <c r="BI39" s="417"/>
      <c r="BJ39" s="417"/>
      <c r="BK39" s="417" t="s">
        <v>448</v>
      </c>
      <c r="BL39" s="417"/>
      <c r="BM39" s="417"/>
      <c r="BN39" s="418" t="s">
        <v>448</v>
      </c>
      <c r="BO39" s="418"/>
      <c r="BP39" s="418"/>
      <c r="BQ39" s="418"/>
      <c r="BR39" s="418" t="s">
        <v>448</v>
      </c>
      <c r="BS39" s="418"/>
      <c r="BT39" s="418"/>
      <c r="BU39" s="418"/>
      <c r="BV39" s="418" t="s">
        <v>448</v>
      </c>
      <c r="BW39" s="418"/>
      <c r="BX39" s="419" t="s">
        <v>448</v>
      </c>
      <c r="BY39" s="4"/>
    </row>
    <row r="40" spans="1:77" s="3" customFormat="1" ht="24.5" customHeight="1" x14ac:dyDescent="0.2">
      <c r="A40" s="48"/>
      <c r="B40" s="39"/>
      <c r="C40" s="39"/>
      <c r="D40" s="40"/>
      <c r="E40" s="38"/>
      <c r="F40" s="39"/>
      <c r="G40" s="39"/>
      <c r="H40" s="39"/>
      <c r="I40" s="39"/>
      <c r="J40" s="39"/>
      <c r="K40" s="53"/>
      <c r="L40" s="53"/>
      <c r="M40" s="53"/>
      <c r="N40" s="53"/>
      <c r="O40" s="53"/>
      <c r="P40" s="53"/>
      <c r="Q40" s="53"/>
      <c r="R40" s="53"/>
      <c r="S40" s="53"/>
      <c r="T40" s="53"/>
      <c r="U40" s="39"/>
      <c r="V40" s="39"/>
      <c r="W40" s="39"/>
      <c r="X40" s="43"/>
      <c r="Y40" s="43"/>
      <c r="Z40" s="43"/>
      <c r="AA40" s="43"/>
      <c r="AB40" s="43"/>
      <c r="AC40" s="43"/>
      <c r="AD40" s="43"/>
      <c r="AE40" s="43"/>
      <c r="AF40" s="43"/>
      <c r="AG40" s="43"/>
      <c r="AH40" s="43"/>
      <c r="AI40" s="43"/>
      <c r="AJ40" s="43"/>
      <c r="AK40" s="43"/>
      <c r="AL40" s="44"/>
      <c r="AM40" s="13"/>
      <c r="AN40" s="310"/>
      <c r="AO40" s="52"/>
      <c r="AP40" s="52"/>
      <c r="AQ40" s="52"/>
      <c r="AR40" s="52"/>
      <c r="AS40" s="52"/>
      <c r="AT40" s="52"/>
      <c r="AU40" s="52"/>
      <c r="AV40" s="52"/>
      <c r="AW40" s="52"/>
      <c r="AX40" s="52"/>
      <c r="AY40" s="52"/>
      <c r="AZ40" s="52"/>
      <c r="BA40" s="52"/>
      <c r="BB40" s="310"/>
      <c r="BC40" s="310"/>
      <c r="BD40" s="310"/>
      <c r="BE40" s="310"/>
      <c r="BF40" s="310"/>
      <c r="BG40" s="310"/>
      <c r="BH40" s="310"/>
      <c r="BI40" s="310"/>
      <c r="BJ40" s="310"/>
      <c r="BK40" s="310"/>
      <c r="BL40" s="310"/>
      <c r="BM40" s="310"/>
      <c r="BN40" s="7"/>
      <c r="BO40" s="7"/>
      <c r="BP40" s="311"/>
      <c r="BQ40" s="311"/>
      <c r="BR40" s="7"/>
      <c r="BS40" s="7"/>
      <c r="BT40" s="7"/>
      <c r="BU40" s="7"/>
      <c r="BV40" s="7"/>
      <c r="BW40" s="7"/>
      <c r="BX40" s="7"/>
      <c r="BY40" s="4"/>
    </row>
    <row r="41" spans="1:77" s="3" customFormat="1" ht="24.5" customHeight="1" x14ac:dyDescent="0.2">
      <c r="A41" s="50"/>
      <c r="B41" s="13"/>
      <c r="C41" s="13"/>
      <c r="D41" s="13"/>
      <c r="E41" s="13"/>
      <c r="F41" s="13"/>
      <c r="G41" s="13"/>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8"/>
      <c r="AH41" s="38"/>
      <c r="AI41" s="38"/>
      <c r="AJ41" s="38"/>
      <c r="AK41" s="38"/>
      <c r="AL41" s="41"/>
      <c r="AM41" s="13"/>
      <c r="AN41" s="253"/>
      <c r="AO41" s="253"/>
      <c r="AP41" s="253"/>
      <c r="AQ41" s="253"/>
      <c r="AR41" s="253"/>
      <c r="AS41" s="253"/>
      <c r="AT41" s="253"/>
      <c r="AU41" s="253"/>
      <c r="AV41" s="312"/>
      <c r="AW41" s="312"/>
      <c r="AX41" s="312"/>
      <c r="AY41" s="312"/>
      <c r="AZ41" s="312"/>
      <c r="BA41" s="312"/>
      <c r="BB41" s="312"/>
      <c r="BC41" s="312"/>
      <c r="BD41" s="313"/>
      <c r="BE41" s="313"/>
      <c r="BF41" s="313"/>
      <c r="BG41" s="313"/>
      <c r="BH41" s="313"/>
      <c r="BI41" s="313"/>
      <c r="BJ41" s="313"/>
      <c r="BK41" s="313"/>
      <c r="BL41" s="313"/>
      <c r="BM41" s="313"/>
      <c r="BN41" s="313"/>
      <c r="BO41" s="313"/>
      <c r="BP41" s="313"/>
      <c r="BQ41" s="313"/>
      <c r="BR41" s="313"/>
      <c r="BS41" s="313"/>
      <c r="BT41" s="313"/>
      <c r="BU41" s="313"/>
      <c r="BV41" s="313"/>
      <c r="BW41" s="313"/>
      <c r="BX41" s="313"/>
      <c r="BY41" s="4"/>
    </row>
    <row r="42" spans="1:77" s="3" customFormat="1" ht="24.5" customHeight="1" x14ac:dyDescent="0.2">
      <c r="A42" s="50"/>
      <c r="B42" s="13"/>
      <c r="C42" s="13"/>
      <c r="D42" s="13"/>
      <c r="E42" s="13"/>
      <c r="F42" s="13"/>
      <c r="G42" s="13"/>
      <c r="H42" s="38"/>
      <c r="I42" s="38"/>
      <c r="J42" s="38"/>
      <c r="K42" s="38"/>
      <c r="L42" s="38"/>
      <c r="M42" s="38"/>
      <c r="N42" s="38"/>
      <c r="O42" s="38"/>
      <c r="P42" s="38"/>
      <c r="Q42" s="45"/>
      <c r="R42" s="45"/>
      <c r="S42" s="45"/>
      <c r="T42" s="45"/>
      <c r="U42" s="45"/>
      <c r="V42" s="45"/>
      <c r="W42" s="45"/>
      <c r="X42" s="45"/>
      <c r="Y42" s="45"/>
      <c r="Z42" s="45"/>
      <c r="AA42" s="45"/>
      <c r="AB42" s="45"/>
      <c r="AC42" s="45"/>
      <c r="AD42" s="45"/>
      <c r="AE42" s="45"/>
      <c r="AF42" s="45"/>
      <c r="AG42" s="45"/>
      <c r="AH42" s="45"/>
      <c r="AI42" s="45"/>
      <c r="AJ42" s="45"/>
      <c r="AK42" s="45"/>
      <c r="AL42" s="46"/>
      <c r="AM42" s="13"/>
      <c r="AN42" s="253"/>
      <c r="AO42" s="253"/>
      <c r="AP42" s="253"/>
      <c r="AQ42" s="253"/>
      <c r="AR42" s="253"/>
      <c r="AS42" s="253"/>
      <c r="AT42" s="253"/>
      <c r="AU42" s="253"/>
      <c r="AV42" s="312"/>
      <c r="AW42" s="312"/>
      <c r="AX42" s="312"/>
      <c r="AY42" s="312"/>
      <c r="AZ42" s="312"/>
      <c r="BA42" s="312"/>
      <c r="BB42" s="312"/>
      <c r="BC42" s="312"/>
      <c r="BD42" s="313"/>
      <c r="BE42" s="313"/>
      <c r="BF42" s="313"/>
      <c r="BG42" s="313"/>
      <c r="BH42" s="313"/>
      <c r="BI42" s="313"/>
      <c r="BJ42" s="313"/>
      <c r="BK42" s="313"/>
      <c r="BL42" s="313"/>
      <c r="BM42" s="313"/>
      <c r="BN42" s="313"/>
      <c r="BO42" s="313"/>
      <c r="BP42" s="313"/>
      <c r="BQ42" s="313"/>
      <c r="BR42" s="313"/>
      <c r="BS42" s="313"/>
      <c r="BT42" s="313"/>
      <c r="BU42" s="313"/>
      <c r="BV42" s="313"/>
      <c r="BW42" s="313"/>
      <c r="BX42" s="313"/>
      <c r="BY42" s="4"/>
    </row>
    <row r="43" spans="1:77" s="3" customFormat="1" ht="24.5" customHeight="1" x14ac:dyDescent="0.2">
      <c r="A43" s="50"/>
      <c r="B43" s="13"/>
      <c r="C43" s="13"/>
      <c r="D43" s="13"/>
      <c r="E43" s="13"/>
      <c r="F43" s="13"/>
      <c r="G43" s="13"/>
      <c r="H43" s="38"/>
      <c r="I43" s="38"/>
      <c r="J43" s="38"/>
      <c r="K43" s="38"/>
      <c r="L43" s="38"/>
      <c r="M43" s="38"/>
      <c r="N43" s="38"/>
      <c r="O43" s="38"/>
      <c r="P43" s="38"/>
      <c r="Q43" s="45"/>
      <c r="R43" s="45"/>
      <c r="S43" s="45"/>
      <c r="T43" s="45"/>
      <c r="U43" s="45"/>
      <c r="V43" s="45"/>
      <c r="W43" s="45"/>
      <c r="X43" s="45"/>
      <c r="Y43" s="45"/>
      <c r="Z43" s="45"/>
      <c r="AA43" s="45"/>
      <c r="AB43" s="45"/>
      <c r="AC43" s="45"/>
      <c r="AD43" s="45"/>
      <c r="AE43" s="45"/>
      <c r="AF43" s="45"/>
      <c r="AG43" s="45"/>
      <c r="AH43" s="45"/>
      <c r="AI43" s="45"/>
      <c r="AJ43" s="45"/>
      <c r="AK43" s="45"/>
      <c r="AL43" s="46"/>
      <c r="AM43" s="38"/>
      <c r="AN43" s="253"/>
      <c r="AO43" s="253"/>
      <c r="AP43" s="253"/>
      <c r="AQ43" s="253"/>
      <c r="AR43" s="253"/>
      <c r="AS43" s="253"/>
      <c r="AT43" s="253"/>
      <c r="AU43" s="253"/>
      <c r="AV43" s="312"/>
      <c r="AW43" s="312"/>
      <c r="AX43" s="312"/>
      <c r="AY43" s="312"/>
      <c r="AZ43" s="312"/>
      <c r="BA43" s="312"/>
      <c r="BB43" s="312"/>
      <c r="BC43" s="312"/>
      <c r="BD43" s="313"/>
      <c r="BE43" s="313"/>
      <c r="BF43" s="313"/>
      <c r="BG43" s="313"/>
      <c r="BH43" s="313"/>
      <c r="BI43" s="313"/>
      <c r="BJ43" s="313"/>
      <c r="BK43" s="313"/>
      <c r="BL43" s="313"/>
      <c r="BM43" s="313"/>
      <c r="BN43" s="313"/>
      <c r="BO43" s="313"/>
      <c r="BP43" s="313"/>
      <c r="BQ43" s="313"/>
      <c r="BR43" s="313"/>
      <c r="BS43" s="313"/>
      <c r="BT43" s="313"/>
      <c r="BU43" s="313"/>
      <c r="BV43" s="313"/>
      <c r="BW43" s="313"/>
      <c r="BX43" s="313"/>
    </row>
    <row r="44" spans="1:77" s="3" customFormat="1" ht="24.5" customHeight="1" x14ac:dyDescent="0.2">
      <c r="A44" s="50"/>
      <c r="B44" s="13"/>
      <c r="C44" s="13"/>
      <c r="D44" s="13"/>
      <c r="E44" s="13"/>
      <c r="F44" s="13"/>
      <c r="G44" s="13"/>
      <c r="H44" s="38"/>
      <c r="I44" s="38"/>
      <c r="J44" s="38"/>
      <c r="K44" s="38"/>
      <c r="L44" s="38"/>
      <c r="M44" s="38"/>
      <c r="N44" s="38"/>
      <c r="O44" s="38"/>
      <c r="P44" s="38"/>
      <c r="Q44" s="45"/>
      <c r="R44" s="45"/>
      <c r="S44" s="45"/>
      <c r="T44" s="45"/>
      <c r="U44" s="45"/>
      <c r="V44" s="45"/>
      <c r="W44" s="45"/>
      <c r="X44" s="45"/>
      <c r="Y44" s="45"/>
      <c r="Z44" s="45"/>
      <c r="AA44" s="45"/>
      <c r="AB44" s="45"/>
      <c r="AC44" s="45"/>
      <c r="AD44" s="45"/>
      <c r="AE44" s="45"/>
      <c r="AF44" s="45"/>
      <c r="AG44" s="45"/>
      <c r="AH44" s="45"/>
      <c r="AI44" s="45"/>
      <c r="AJ44" s="45"/>
      <c r="AK44" s="45"/>
      <c r="AL44" s="46"/>
      <c r="AM44" s="38"/>
      <c r="AN44" s="253"/>
      <c r="AO44" s="253"/>
      <c r="AP44" s="253"/>
      <c r="AQ44" s="253"/>
      <c r="AR44" s="253"/>
      <c r="AS44" s="253"/>
      <c r="AT44" s="253"/>
      <c r="AU44" s="253"/>
      <c r="AV44" s="312"/>
      <c r="AW44" s="312"/>
      <c r="AX44" s="312"/>
      <c r="AY44" s="312"/>
      <c r="AZ44" s="312"/>
      <c r="BA44" s="312"/>
      <c r="BB44" s="312"/>
      <c r="BC44" s="312"/>
      <c r="BD44" s="22"/>
      <c r="BE44" s="22"/>
      <c r="BF44" s="22"/>
      <c r="BG44" s="22"/>
      <c r="BH44" s="22"/>
      <c r="BI44" s="22"/>
      <c r="BJ44" s="22"/>
      <c r="BK44" s="22"/>
      <c r="BL44" s="22"/>
      <c r="BM44" s="22"/>
      <c r="BN44" s="22"/>
      <c r="BO44" s="22"/>
      <c r="BP44" s="314"/>
      <c r="BQ44" s="314"/>
      <c r="BR44" s="314"/>
      <c r="BS44" s="314"/>
      <c r="BT44" s="314"/>
      <c r="BU44" s="314"/>
      <c r="BV44" s="314"/>
      <c r="BW44" s="314"/>
      <c r="BX44" s="314"/>
      <c r="BY44" s="4"/>
    </row>
    <row r="45" spans="1:77" s="3" customFormat="1" ht="24.5" customHeight="1" x14ac:dyDescent="0.2">
      <c r="A45" s="48"/>
      <c r="B45" s="38"/>
      <c r="C45" s="38"/>
      <c r="D45" s="38"/>
      <c r="E45" s="38"/>
      <c r="F45" s="38"/>
      <c r="G45" s="38"/>
      <c r="H45" s="38"/>
      <c r="I45" s="38"/>
      <c r="J45" s="38"/>
      <c r="K45" s="38"/>
      <c r="L45" s="38"/>
      <c r="M45" s="38"/>
      <c r="N45" s="38"/>
      <c r="O45" s="38"/>
      <c r="P45" s="38"/>
      <c r="Q45" s="38"/>
      <c r="R45" s="38"/>
      <c r="S45" s="38"/>
      <c r="T45" s="38"/>
      <c r="U45" s="38"/>
      <c r="V45" s="13"/>
      <c r="W45" s="38"/>
      <c r="X45" s="38"/>
      <c r="Y45" s="38"/>
      <c r="Z45" s="38"/>
      <c r="AA45" s="38"/>
      <c r="AB45" s="38"/>
      <c r="AC45" s="38"/>
      <c r="AD45" s="13"/>
      <c r="AE45" s="38"/>
      <c r="AF45" s="38"/>
      <c r="AG45" s="38"/>
      <c r="AH45" s="38"/>
      <c r="AI45" s="38"/>
      <c r="AJ45" s="38"/>
      <c r="AK45" s="38"/>
      <c r="AL45" s="41"/>
      <c r="AM45" s="38"/>
      <c r="AN45" s="253"/>
      <c r="AO45" s="253"/>
      <c r="AP45" s="253"/>
      <c r="AQ45" s="253"/>
      <c r="AR45" s="253"/>
      <c r="AS45" s="253"/>
      <c r="AT45" s="253"/>
      <c r="AU45" s="253"/>
      <c r="AV45" s="312"/>
      <c r="AW45" s="312"/>
      <c r="AX45" s="312"/>
      <c r="AY45" s="312"/>
      <c r="AZ45" s="312"/>
      <c r="BA45" s="312"/>
      <c r="BB45" s="312"/>
      <c r="BC45" s="312"/>
      <c r="BD45" s="22"/>
      <c r="BE45" s="22"/>
      <c r="BF45" s="22"/>
      <c r="BG45" s="22"/>
      <c r="BH45" s="22"/>
      <c r="BI45" s="22"/>
      <c r="BJ45" s="22"/>
      <c r="BK45" s="22"/>
      <c r="BL45" s="22"/>
      <c r="BM45" s="22"/>
      <c r="BN45" s="22"/>
      <c r="BO45" s="22"/>
      <c r="BP45" s="314"/>
      <c r="BQ45" s="314"/>
      <c r="BR45" s="314"/>
      <c r="BS45" s="314"/>
      <c r="BT45" s="314"/>
      <c r="BU45" s="314"/>
      <c r="BV45" s="314"/>
      <c r="BW45" s="314"/>
      <c r="BX45" s="314"/>
      <c r="BY45" s="4"/>
    </row>
    <row r="46" spans="1:77" s="3" customFormat="1" ht="24.5" customHeight="1" x14ac:dyDescent="0.2">
      <c r="A46" s="48"/>
      <c r="B46" s="38"/>
      <c r="C46" s="38"/>
      <c r="D46" s="38"/>
      <c r="E46" s="38"/>
      <c r="F46" s="38"/>
      <c r="G46" s="38"/>
      <c r="H46" s="38"/>
      <c r="I46" s="38"/>
      <c r="J46" s="38"/>
      <c r="K46" s="38"/>
      <c r="L46" s="38"/>
      <c r="M46" s="38"/>
      <c r="N46" s="38"/>
      <c r="O46" s="38"/>
      <c r="P46" s="38"/>
      <c r="Q46" s="38"/>
      <c r="R46" s="38"/>
      <c r="S46" s="38"/>
      <c r="T46" s="38"/>
      <c r="U46" s="38"/>
      <c r="V46" s="13"/>
      <c r="W46" s="38"/>
      <c r="X46" s="38"/>
      <c r="Y46" s="38"/>
      <c r="Z46" s="38"/>
      <c r="AA46" s="38"/>
      <c r="AB46" s="38"/>
      <c r="AC46" s="38"/>
      <c r="AD46" s="13"/>
      <c r="AE46" s="38"/>
      <c r="AF46" s="38"/>
      <c r="AG46" s="38"/>
      <c r="AH46" s="38"/>
      <c r="AI46" s="38"/>
      <c r="AJ46" s="38"/>
      <c r="AK46" s="38"/>
      <c r="AL46" s="41"/>
      <c r="AM46" s="38"/>
      <c r="AN46" s="7"/>
      <c r="AO46" s="7"/>
      <c r="AP46" s="7"/>
      <c r="AQ46" s="7"/>
      <c r="AR46" s="7"/>
      <c r="AS46" s="7"/>
      <c r="AT46" s="7"/>
      <c r="AU46" s="7"/>
      <c r="AV46" s="315"/>
      <c r="AW46" s="315"/>
      <c r="AX46" s="315"/>
      <c r="AY46" s="315"/>
      <c r="AZ46" s="315"/>
      <c r="BA46" s="315"/>
      <c r="BB46" s="315"/>
      <c r="BC46" s="315"/>
      <c r="BD46" s="22"/>
      <c r="BE46" s="22"/>
      <c r="BF46" s="22"/>
      <c r="BG46" s="22"/>
      <c r="BH46" s="22"/>
      <c r="BI46" s="22"/>
      <c r="BJ46" s="22"/>
      <c r="BK46" s="22"/>
      <c r="BL46" s="22"/>
      <c r="BM46" s="22"/>
      <c r="BN46" s="22"/>
      <c r="BO46" s="22"/>
      <c r="BP46" s="314"/>
      <c r="BQ46" s="314"/>
      <c r="BR46" s="314"/>
      <c r="BS46" s="314"/>
      <c r="BT46" s="314"/>
      <c r="BU46" s="314"/>
      <c r="BV46" s="314"/>
      <c r="BW46" s="314"/>
      <c r="BX46" s="314"/>
    </row>
    <row r="47" spans="1:77" s="3" customFormat="1" ht="24.5" customHeight="1" x14ac:dyDescent="0.2">
      <c r="A47" s="48"/>
      <c r="B47" s="38"/>
      <c r="C47" s="38"/>
      <c r="D47" s="38"/>
      <c r="E47" s="38"/>
      <c r="F47" s="38"/>
      <c r="G47" s="38"/>
      <c r="H47" s="38"/>
      <c r="I47" s="38"/>
      <c r="J47" s="38"/>
      <c r="K47" s="38"/>
      <c r="L47" s="38"/>
      <c r="M47" s="38"/>
      <c r="N47" s="38"/>
      <c r="O47" s="38"/>
      <c r="P47" s="38"/>
      <c r="Q47" s="38"/>
      <c r="R47" s="38"/>
      <c r="S47" s="38"/>
      <c r="T47" s="38"/>
      <c r="U47" s="38"/>
      <c r="V47" s="13"/>
      <c r="W47" s="38"/>
      <c r="X47" s="38"/>
      <c r="Y47" s="38"/>
      <c r="Z47" s="38"/>
      <c r="AA47" s="38"/>
      <c r="AB47" s="38"/>
      <c r="AC47" s="38"/>
      <c r="AD47" s="13"/>
      <c r="AE47" s="38"/>
      <c r="AF47" s="38"/>
      <c r="AG47" s="38"/>
      <c r="AH47" s="38"/>
      <c r="AI47" s="38"/>
      <c r="AJ47" s="38"/>
      <c r="AK47" s="38"/>
      <c r="AL47" s="41"/>
      <c r="AM47" s="13"/>
      <c r="AN47" s="38"/>
      <c r="AO47" s="38"/>
      <c r="AP47" s="38"/>
      <c r="AQ47" s="38"/>
      <c r="AR47" s="38"/>
      <c r="AS47" s="38"/>
      <c r="AT47" s="38"/>
      <c r="AU47" s="38"/>
      <c r="AV47" s="38"/>
      <c r="AW47" s="38"/>
      <c r="AX47" s="38"/>
      <c r="AY47" s="38"/>
      <c r="AZ47" s="38"/>
      <c r="BA47" s="38"/>
      <c r="BB47" s="38"/>
      <c r="BC47" s="38"/>
      <c r="BD47" s="38"/>
      <c r="BE47" s="38"/>
      <c r="BF47" s="38"/>
      <c r="BG47" s="38"/>
      <c r="BH47" s="38"/>
      <c r="BI47" s="38"/>
      <c r="BJ47" s="38"/>
      <c r="BK47" s="38"/>
      <c r="BL47" s="38"/>
      <c r="BM47" s="38"/>
      <c r="BN47" s="38"/>
      <c r="BO47" s="38"/>
      <c r="BP47" s="38"/>
      <c r="BQ47" s="38"/>
      <c r="BR47" s="38"/>
      <c r="BS47" s="38"/>
      <c r="BT47" s="38"/>
      <c r="BU47" s="38"/>
      <c r="BV47" s="310"/>
      <c r="BW47" s="38"/>
      <c r="BX47" s="38"/>
    </row>
    <row r="48" spans="1:77" s="3" customFormat="1" ht="24.5" customHeight="1" x14ac:dyDescent="0.2">
      <c r="A48" s="48"/>
      <c r="B48" s="38"/>
      <c r="C48" s="38"/>
      <c r="D48" s="38"/>
      <c r="E48" s="38"/>
      <c r="F48" s="38"/>
      <c r="G48" s="38"/>
      <c r="H48" s="38"/>
      <c r="I48" s="38"/>
      <c r="J48" s="38"/>
      <c r="K48" s="38"/>
      <c r="L48" s="38"/>
      <c r="M48" s="38"/>
      <c r="N48" s="38"/>
      <c r="O48" s="38"/>
      <c r="P48" s="38"/>
      <c r="Q48" s="38"/>
      <c r="R48" s="38"/>
      <c r="S48" s="38"/>
      <c r="T48" s="38"/>
      <c r="U48" s="38"/>
      <c r="V48" s="13"/>
      <c r="W48" s="38"/>
      <c r="X48" s="38"/>
      <c r="Y48" s="38"/>
      <c r="Z48" s="38"/>
      <c r="AA48" s="38"/>
      <c r="AB48" s="38"/>
      <c r="AC48" s="38"/>
      <c r="AD48" s="13"/>
      <c r="AE48" s="38"/>
      <c r="AF48" s="38"/>
      <c r="AG48" s="38"/>
      <c r="AH48" s="38"/>
      <c r="AI48" s="38"/>
      <c r="AJ48" s="38"/>
      <c r="AK48" s="38"/>
      <c r="AL48" s="41"/>
      <c r="AM48" s="38"/>
      <c r="AN48" s="222"/>
      <c r="AO48" s="222"/>
      <c r="AP48" s="222"/>
      <c r="AQ48" s="222"/>
      <c r="AR48" s="222"/>
      <c r="AS48" s="222"/>
      <c r="AT48" s="222"/>
      <c r="AU48" s="222"/>
      <c r="AV48" s="222"/>
      <c r="AW48" s="222"/>
      <c r="AX48" s="222"/>
      <c r="AY48" s="222"/>
      <c r="AZ48" s="222"/>
      <c r="BA48" s="222"/>
      <c r="BB48" s="222"/>
      <c r="BC48" s="222"/>
      <c r="BD48" s="222"/>
      <c r="BE48" s="222"/>
      <c r="BF48" s="222"/>
      <c r="BG48" s="222"/>
      <c r="BH48" s="222"/>
      <c r="BI48" s="222"/>
      <c r="BJ48" s="222"/>
      <c r="BK48" s="222"/>
      <c r="BL48" s="222"/>
      <c r="BM48" s="222"/>
      <c r="BN48" s="222"/>
      <c r="BO48" s="222"/>
      <c r="BP48" s="222"/>
      <c r="BQ48" s="222"/>
      <c r="BR48" s="222"/>
      <c r="BS48" s="222"/>
      <c r="BT48" s="222"/>
      <c r="BU48" s="222"/>
      <c r="BV48" s="222"/>
      <c r="BW48" s="222"/>
      <c r="BX48" s="222"/>
    </row>
    <row r="49" spans="39:79" ht="24" customHeight="1" x14ac:dyDescent="0.2">
      <c r="AM49" s="316"/>
      <c r="AN49" s="316"/>
      <c r="BY49" s="3"/>
      <c r="CA49" s="1"/>
    </row>
    <row r="50" spans="39:79" ht="23.25" customHeight="1" x14ac:dyDescent="0.2">
      <c r="AN50" s="316"/>
      <c r="BY50" s="3"/>
    </row>
    <row r="51" spans="39:79" ht="40.5" customHeight="1" x14ac:dyDescent="0.2">
      <c r="AN51" s="316"/>
      <c r="BY51" s="13"/>
    </row>
    <row r="52" spans="39:79" ht="32.25" customHeight="1" x14ac:dyDescent="0.2">
      <c r="AN52" s="316"/>
      <c r="BY52" s="3"/>
    </row>
    <row r="53" spans="39:79" ht="21" customHeight="1" x14ac:dyDescent="0.2"/>
    <row r="54" spans="39:79" ht="23.25" customHeight="1" x14ac:dyDescent="0.2"/>
    <row r="55" spans="39:79" ht="23.25" customHeight="1" x14ac:dyDescent="0.2"/>
    <row r="56" spans="39:79" ht="23.25" customHeight="1" x14ac:dyDescent="0.2"/>
    <row r="57" spans="39:79" ht="23.25" customHeight="1" x14ac:dyDescent="0.2"/>
    <row r="58" spans="39:79" ht="23.25" customHeight="1" x14ac:dyDescent="0.2"/>
    <row r="59" spans="39:79" ht="23.25" customHeight="1" x14ac:dyDescent="0.2"/>
    <row r="60" spans="39:79" ht="23.25" customHeight="1" x14ac:dyDescent="0.2"/>
    <row r="61" spans="39:79" ht="23.25" customHeight="1" x14ac:dyDescent="0.2"/>
    <row r="62" spans="39:79" ht="23.25" customHeight="1" x14ac:dyDescent="0.2"/>
    <row r="63" spans="39:79" ht="23.25" customHeight="1" x14ac:dyDescent="0.2"/>
    <row r="64" spans="39:79" ht="23.25" customHeight="1" x14ac:dyDescent="0.2"/>
    <row r="65" ht="23.25" customHeight="1" x14ac:dyDescent="0.2"/>
    <row r="66" ht="23.25" customHeight="1" x14ac:dyDescent="0.2"/>
    <row r="67" ht="23.25" customHeight="1" x14ac:dyDescent="0.2"/>
    <row r="68" ht="23.25" customHeight="1" x14ac:dyDescent="0.2"/>
    <row r="69" ht="23.25" customHeight="1" x14ac:dyDescent="0.2"/>
    <row r="70" ht="23.25" customHeight="1" x14ac:dyDescent="0.2"/>
    <row r="71" ht="23.25" customHeight="1" x14ac:dyDescent="0.2"/>
    <row r="72" ht="23.25" customHeight="1" x14ac:dyDescent="0.2"/>
    <row r="73" ht="23.25" customHeight="1" x14ac:dyDescent="0.2"/>
    <row r="74" ht="23.25" customHeight="1" x14ac:dyDescent="0.2"/>
    <row r="75" ht="23.25" customHeight="1" x14ac:dyDescent="0.2"/>
    <row r="76" ht="23.25" customHeight="1" x14ac:dyDescent="0.2"/>
    <row r="77" ht="23.25" customHeight="1" x14ac:dyDescent="0.2"/>
  </sheetData>
  <mergeCells count="244">
    <mergeCell ref="AN41:AU45"/>
    <mergeCell ref="AV41:BC43"/>
    <mergeCell ref="BD41:BX43"/>
    <mergeCell ref="AV44:BC45"/>
    <mergeCell ref="AN48:BX48"/>
    <mergeCell ref="BA39:BG39"/>
    <mergeCell ref="BH39:BJ39"/>
    <mergeCell ref="BK39:BM39"/>
    <mergeCell ref="BN39:BQ39"/>
    <mergeCell ref="BR39:BU39"/>
    <mergeCell ref="BV39:BW39"/>
    <mergeCell ref="BV37:BX37"/>
    <mergeCell ref="AM38:AO39"/>
    <mergeCell ref="AP38:AZ38"/>
    <mergeCell ref="BA38:BG38"/>
    <mergeCell ref="BH38:BJ38"/>
    <mergeCell ref="BK38:BM38"/>
    <mergeCell ref="BN38:BQ38"/>
    <mergeCell ref="BR38:BU38"/>
    <mergeCell ref="BV38:BW38"/>
    <mergeCell ref="AP39:AZ39"/>
    <mergeCell ref="AX37:AZ37"/>
    <mergeCell ref="BA37:BC37"/>
    <mergeCell ref="BD37:BG37"/>
    <mergeCell ref="BK37:BM37"/>
    <mergeCell ref="BN37:BQ37"/>
    <mergeCell ref="BR37:BU37"/>
    <mergeCell ref="BH36:BJ37"/>
    <mergeCell ref="BK36:BM36"/>
    <mergeCell ref="BN36:BQ36"/>
    <mergeCell ref="BR36:BU36"/>
    <mergeCell ref="BV36:BX36"/>
    <mergeCell ref="AD37:AF39"/>
    <mergeCell ref="AG37:AI39"/>
    <mergeCell ref="AJ37:AL39"/>
    <mergeCell ref="AP37:AT37"/>
    <mergeCell ref="AU37:AW37"/>
    <mergeCell ref="AM35:BX35"/>
    <mergeCell ref="AD36:AF36"/>
    <mergeCell ref="AG36:AI36"/>
    <mergeCell ref="AJ36:AL36"/>
    <mergeCell ref="AM36:AO37"/>
    <mergeCell ref="AP36:AT36"/>
    <mergeCell ref="AU36:AW36"/>
    <mergeCell ref="AX36:AZ36"/>
    <mergeCell ref="BA36:BC36"/>
    <mergeCell ref="BD36:BG36"/>
    <mergeCell ref="C34:E34"/>
    <mergeCell ref="F34:AL34"/>
    <mergeCell ref="AM34:BS34"/>
    <mergeCell ref="BT34:BX34"/>
    <mergeCell ref="A35:K39"/>
    <mergeCell ref="L35:L39"/>
    <mergeCell ref="M35:T39"/>
    <mergeCell ref="U35:U39"/>
    <mergeCell ref="V35:AC39"/>
    <mergeCell ref="AD35:AL35"/>
    <mergeCell ref="AM31:BS32"/>
    <mergeCell ref="BT31:BX32"/>
    <mergeCell ref="C32:AL32"/>
    <mergeCell ref="C33:E33"/>
    <mergeCell ref="F33:T33"/>
    <mergeCell ref="U33:W33"/>
    <mergeCell ref="X33:AL33"/>
    <mergeCell ref="AM33:BS33"/>
    <mergeCell ref="BT33:BX33"/>
    <mergeCell ref="U30:W30"/>
    <mergeCell ref="X30:AL30"/>
    <mergeCell ref="C31:E31"/>
    <mergeCell ref="F31:T31"/>
    <mergeCell ref="U31:W31"/>
    <mergeCell ref="X31:AL31"/>
    <mergeCell ref="I27:AL27"/>
    <mergeCell ref="AM27:BS27"/>
    <mergeCell ref="BT27:BX30"/>
    <mergeCell ref="H28:AL28"/>
    <mergeCell ref="AM28:BS28"/>
    <mergeCell ref="A29:B34"/>
    <mergeCell ref="C29:AL29"/>
    <mergeCell ref="AM29:BS30"/>
    <mergeCell ref="C30:E30"/>
    <mergeCell ref="F30:T30"/>
    <mergeCell ref="A25:B28"/>
    <mergeCell ref="C25:AL25"/>
    <mergeCell ref="AM25:BX25"/>
    <mergeCell ref="C26:G26"/>
    <mergeCell ref="H26:Q26"/>
    <mergeCell ref="S26:T26"/>
    <mergeCell ref="U26:Y26"/>
    <mergeCell ref="Z26:AL26"/>
    <mergeCell ref="AM26:BX26"/>
    <mergeCell ref="C27:G28"/>
    <mergeCell ref="R23:S24"/>
    <mergeCell ref="T23:T24"/>
    <mergeCell ref="U23:AL23"/>
    <mergeCell ref="AM23:BX23"/>
    <mergeCell ref="U24:AL24"/>
    <mergeCell ref="AM24:AO24"/>
    <mergeCell ref="AP24:BX24"/>
    <mergeCell ref="C22:I22"/>
    <mergeCell ref="J22:AL22"/>
    <mergeCell ref="AO22:AP22"/>
    <mergeCell ref="AQ22:BG22"/>
    <mergeCell ref="BJ22:BU22"/>
    <mergeCell ref="C23:I24"/>
    <mergeCell ref="J23:M24"/>
    <mergeCell ref="N23:N24"/>
    <mergeCell ref="O23:P24"/>
    <mergeCell ref="Q23:Q24"/>
    <mergeCell ref="BF20:BF21"/>
    <mergeCell ref="BG20:BG21"/>
    <mergeCell ref="BH20:BI22"/>
    <mergeCell ref="BJ20:BU21"/>
    <mergeCell ref="BV20:BX22"/>
    <mergeCell ref="K21:L21"/>
    <mergeCell ref="M21:AL21"/>
    <mergeCell ref="AQ20:AZ21"/>
    <mergeCell ref="BA20:BA21"/>
    <mergeCell ref="BB20:BB21"/>
    <mergeCell ref="BC20:BC21"/>
    <mergeCell ref="BD20:BD21"/>
    <mergeCell ref="BE20:BE21"/>
    <mergeCell ref="A19:B24"/>
    <mergeCell ref="C19:I21"/>
    <mergeCell ref="K19:L19"/>
    <mergeCell ref="M19:AL19"/>
    <mergeCell ref="AO19:AP19"/>
    <mergeCell ref="AQ19:BG19"/>
    <mergeCell ref="K20:L20"/>
    <mergeCell ref="M20:AL20"/>
    <mergeCell ref="AM20:AN22"/>
    <mergeCell ref="AO20:AP21"/>
    <mergeCell ref="BH17:BI19"/>
    <mergeCell ref="BJ17:BU18"/>
    <mergeCell ref="BV17:BX19"/>
    <mergeCell ref="F18:I18"/>
    <mergeCell ref="J18:T18"/>
    <mergeCell ref="X18:AA18"/>
    <mergeCell ref="AB18:AL18"/>
    <mergeCell ref="BJ19:BU19"/>
    <mergeCell ref="BB17:BB18"/>
    <mergeCell ref="BC17:BC18"/>
    <mergeCell ref="BD17:BD18"/>
    <mergeCell ref="BE17:BE18"/>
    <mergeCell ref="BF17:BF18"/>
    <mergeCell ref="BG17:BG18"/>
    <mergeCell ref="X17:AA17"/>
    <mergeCell ref="AB17:AL17"/>
    <mergeCell ref="AM17:AN19"/>
    <mergeCell ref="AO17:AP18"/>
    <mergeCell ref="AQ17:AZ18"/>
    <mergeCell ref="BA17:BA18"/>
    <mergeCell ref="BG14:BG15"/>
    <mergeCell ref="BH14:BI16"/>
    <mergeCell ref="BJ14:BU15"/>
    <mergeCell ref="BV14:BX16"/>
    <mergeCell ref="H15:AL15"/>
    <mergeCell ref="C16:I16"/>
    <mergeCell ref="J16:AL16"/>
    <mergeCell ref="AO16:AP16"/>
    <mergeCell ref="AQ16:BG16"/>
    <mergeCell ref="BJ16:BU16"/>
    <mergeCell ref="BA14:BA15"/>
    <mergeCell ref="BB14:BB15"/>
    <mergeCell ref="BC14:BC15"/>
    <mergeCell ref="BD14:BD15"/>
    <mergeCell ref="BE14:BE15"/>
    <mergeCell ref="BF14:BF15"/>
    <mergeCell ref="AG13:AH13"/>
    <mergeCell ref="AJ13:AK13"/>
    <mergeCell ref="AO13:AP13"/>
    <mergeCell ref="AQ13:BG13"/>
    <mergeCell ref="BJ13:BU13"/>
    <mergeCell ref="C14:G15"/>
    <mergeCell ref="I14:AL14"/>
    <mergeCell ref="AM14:AN16"/>
    <mergeCell ref="AO14:AP15"/>
    <mergeCell ref="AQ14:AZ15"/>
    <mergeCell ref="A13:B18"/>
    <mergeCell ref="C13:G13"/>
    <mergeCell ref="H13:T13"/>
    <mergeCell ref="U13:Y13"/>
    <mergeCell ref="Z13:AC13"/>
    <mergeCell ref="AD13:AE13"/>
    <mergeCell ref="C17:E18"/>
    <mergeCell ref="F17:I17"/>
    <mergeCell ref="J17:T17"/>
    <mergeCell ref="U17:W18"/>
    <mergeCell ref="BE11:BE12"/>
    <mergeCell ref="BF11:BF12"/>
    <mergeCell ref="BG11:BG12"/>
    <mergeCell ref="BH11:BI13"/>
    <mergeCell ref="BJ11:BU12"/>
    <mergeCell ref="BV11:BX13"/>
    <mergeCell ref="AM10:BX10"/>
    <mergeCell ref="Q11:U11"/>
    <mergeCell ref="V11:AL11"/>
    <mergeCell ref="AM11:AN13"/>
    <mergeCell ref="AO11:AP12"/>
    <mergeCell ref="AQ11:AZ12"/>
    <mergeCell ref="BA11:BA12"/>
    <mergeCell ref="BB11:BB12"/>
    <mergeCell ref="BC11:BC12"/>
    <mergeCell ref="BD11:BD12"/>
    <mergeCell ref="BV8:BX9"/>
    <mergeCell ref="AO9:AP9"/>
    <mergeCell ref="AQ9:BG9"/>
    <mergeCell ref="BJ9:BU9"/>
    <mergeCell ref="A10:P11"/>
    <mergeCell ref="Q10:U10"/>
    <mergeCell ref="V10:AB10"/>
    <mergeCell ref="AD10:AE10"/>
    <mergeCell ref="AG10:AH10"/>
    <mergeCell ref="AJ10:AK10"/>
    <mergeCell ref="BJ6:BU6"/>
    <mergeCell ref="BV6:BX7"/>
    <mergeCell ref="Q7:U7"/>
    <mergeCell ref="V7:AL7"/>
    <mergeCell ref="BJ7:BU7"/>
    <mergeCell ref="AM8:AN9"/>
    <mergeCell ref="AO8:AP8"/>
    <mergeCell ref="AQ8:BG8"/>
    <mergeCell ref="BH8:BI9"/>
    <mergeCell ref="BJ8:BU8"/>
    <mergeCell ref="AM3:BX5"/>
    <mergeCell ref="A5:AL5"/>
    <mergeCell ref="Q6:U6"/>
    <mergeCell ref="V6:AB6"/>
    <mergeCell ref="AD6:AE6"/>
    <mergeCell ref="AG6:AH6"/>
    <mergeCell ref="AJ6:AK6"/>
    <mergeCell ref="AM6:BB7"/>
    <mergeCell ref="BC6:BG7"/>
    <mergeCell ref="BH6:BI7"/>
    <mergeCell ref="A1:AL2"/>
    <mergeCell ref="AM1:BX2"/>
    <mergeCell ref="A3:B4"/>
    <mergeCell ref="C3:F4"/>
    <mergeCell ref="G3:J4"/>
    <mergeCell ref="K3:L4"/>
    <mergeCell ref="M3:P4"/>
    <mergeCell ref="Q3:S4"/>
    <mergeCell ref="T3:X4"/>
    <mergeCell ref="Y3:AL4"/>
  </mergeCells>
  <phoneticPr fontId="2"/>
  <conditionalFormatting sqref="D6:F6">
    <cfRule type="cellIs" dxfId="1" priority="1" operator="equal">
      <formula>"転入"</formula>
    </cfRule>
  </conditionalFormatting>
  <printOptions horizontalCentered="1"/>
  <pageMargins left="0.23622047244094491" right="0.11811023622047245" top="0.39370078740157483" bottom="0.39370078740157483" header="0.31496062992125984" footer="0.11811023622047245"/>
  <pageSetup paperSize="9" scale="56" orientation="landscape" r:id="rId1"/>
  <colBreaks count="1" manualBreakCount="1">
    <brk id="38" max="38"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2A893A-8436-472C-8EA3-183DC8A62A25}">
  <sheetPr>
    <tabColor rgb="FFFFFF00"/>
    <pageSetUpPr fitToPage="1"/>
  </sheetPr>
  <dimension ref="A1:CA77"/>
  <sheetViews>
    <sheetView showZeros="0" view="pageBreakPreview" zoomScale="70" zoomScaleNormal="100" zoomScaleSheetLayoutView="70" workbookViewId="0">
      <selection activeCell="V10" sqref="V10:AB10"/>
    </sheetView>
  </sheetViews>
  <sheetFormatPr defaultColWidth="2.75" defaultRowHeight="12" x14ac:dyDescent="0.2"/>
  <cols>
    <col min="1" max="1" width="2.75" style="51" customWidth="1"/>
    <col min="2" max="2" width="3.4140625" style="51" customWidth="1"/>
    <col min="3" max="4" width="2.75" style="51" customWidth="1"/>
    <col min="5" max="5" width="2.75" style="51"/>
    <col min="6" max="6" width="2.75" style="51" customWidth="1"/>
    <col min="7" max="10" width="2.75" style="51"/>
    <col min="11" max="38" width="2.75" style="51" customWidth="1"/>
    <col min="39" max="39" width="1.25" style="51" customWidth="1"/>
    <col min="40" max="42" width="2.75" style="51"/>
    <col min="43" max="44" width="2.83203125" style="51" customWidth="1"/>
    <col min="45" max="45" width="3" style="51" bestFit="1" customWidth="1"/>
    <col min="46" max="49" width="2.75" style="51"/>
    <col min="50" max="51" width="2.83203125" style="51" customWidth="1"/>
    <col min="52" max="57" width="2.75" style="51"/>
    <col min="58" max="59" width="3" style="51" customWidth="1"/>
    <col min="60" max="74" width="2.75" style="51"/>
    <col min="75" max="76" width="2.75" style="51" customWidth="1"/>
    <col min="77" max="77" width="1.75" style="5" customWidth="1"/>
    <col min="78" max="78" width="2.75" style="2" customWidth="1"/>
    <col min="79" max="16384" width="2.75" style="2"/>
  </cols>
  <sheetData>
    <row r="1" spans="1:77" ht="30" customHeight="1" x14ac:dyDescent="0.2">
      <c r="A1" s="403" t="s">
        <v>563</v>
      </c>
      <c r="B1" s="403"/>
      <c r="C1" s="403"/>
      <c r="D1" s="403"/>
      <c r="E1" s="403"/>
      <c r="F1" s="403"/>
      <c r="G1" s="403"/>
      <c r="H1" s="403"/>
      <c r="I1" s="403"/>
      <c r="J1" s="403"/>
      <c r="K1" s="403"/>
      <c r="L1" s="403"/>
      <c r="M1" s="403"/>
      <c r="N1" s="403"/>
      <c r="O1" s="403"/>
      <c r="P1" s="403"/>
      <c r="Q1" s="403"/>
      <c r="R1" s="403"/>
      <c r="S1" s="403"/>
      <c r="T1" s="403"/>
      <c r="U1" s="403"/>
      <c r="V1" s="403"/>
      <c r="W1" s="403"/>
      <c r="X1" s="403"/>
      <c r="Y1" s="403"/>
      <c r="Z1" s="403"/>
      <c r="AA1" s="403"/>
      <c r="AB1" s="403"/>
      <c r="AC1" s="403"/>
      <c r="AD1" s="403"/>
      <c r="AE1" s="403"/>
      <c r="AF1" s="403"/>
      <c r="AG1" s="403"/>
      <c r="AH1" s="403"/>
      <c r="AI1" s="403"/>
      <c r="AJ1" s="403"/>
      <c r="AK1" s="403"/>
      <c r="AL1" s="403"/>
      <c r="AM1" s="333" t="s">
        <v>518</v>
      </c>
      <c r="AN1" s="333"/>
      <c r="AO1" s="333"/>
      <c r="AP1" s="333"/>
      <c r="AQ1" s="333"/>
      <c r="AR1" s="333"/>
      <c r="AS1" s="333"/>
      <c r="AT1" s="333"/>
      <c r="AU1" s="333"/>
      <c r="AV1" s="333"/>
      <c r="AW1" s="333"/>
      <c r="AX1" s="333"/>
      <c r="AY1" s="333"/>
      <c r="AZ1" s="333"/>
      <c r="BA1" s="333"/>
      <c r="BB1" s="333"/>
      <c r="BC1" s="333"/>
      <c r="BD1" s="333"/>
      <c r="BE1" s="333"/>
      <c r="BF1" s="333"/>
      <c r="BG1" s="333"/>
      <c r="BH1" s="333"/>
      <c r="BI1" s="333"/>
      <c r="BJ1" s="333"/>
      <c r="BK1" s="333"/>
      <c r="BL1" s="333"/>
      <c r="BM1" s="333"/>
      <c r="BN1" s="333"/>
      <c r="BO1" s="333"/>
      <c r="BP1" s="333"/>
      <c r="BQ1" s="333"/>
      <c r="BR1" s="333"/>
      <c r="BS1" s="333"/>
      <c r="BT1" s="333"/>
      <c r="BU1" s="333"/>
      <c r="BV1" s="333"/>
      <c r="BW1" s="333"/>
      <c r="BX1" s="333"/>
    </row>
    <row r="2" spans="1:77" ht="8" customHeight="1" x14ac:dyDescent="0.2">
      <c r="A2" s="403"/>
      <c r="B2" s="403"/>
      <c r="C2" s="403"/>
      <c r="D2" s="403"/>
      <c r="E2" s="403"/>
      <c r="F2" s="403"/>
      <c r="G2" s="403"/>
      <c r="H2" s="403"/>
      <c r="I2" s="403"/>
      <c r="J2" s="403"/>
      <c r="K2" s="403"/>
      <c r="L2" s="403"/>
      <c r="M2" s="403"/>
      <c r="N2" s="403"/>
      <c r="O2" s="403"/>
      <c r="P2" s="403"/>
      <c r="Q2" s="403"/>
      <c r="R2" s="403"/>
      <c r="S2" s="403"/>
      <c r="T2" s="403"/>
      <c r="U2" s="403"/>
      <c r="V2" s="403"/>
      <c r="W2" s="403"/>
      <c r="X2" s="403"/>
      <c r="Y2" s="403"/>
      <c r="Z2" s="403"/>
      <c r="AA2" s="403"/>
      <c r="AB2" s="403"/>
      <c r="AC2" s="403"/>
      <c r="AD2" s="403"/>
      <c r="AE2" s="403"/>
      <c r="AF2" s="403"/>
      <c r="AG2" s="403"/>
      <c r="AH2" s="403"/>
      <c r="AI2" s="403"/>
      <c r="AJ2" s="403"/>
      <c r="AK2" s="403"/>
      <c r="AL2" s="403"/>
      <c r="AM2" s="333"/>
      <c r="AN2" s="333"/>
      <c r="AO2" s="333"/>
      <c r="AP2" s="333"/>
      <c r="AQ2" s="333"/>
      <c r="AR2" s="333"/>
      <c r="AS2" s="333"/>
      <c r="AT2" s="333"/>
      <c r="AU2" s="333"/>
      <c r="AV2" s="333"/>
      <c r="AW2" s="333"/>
      <c r="AX2" s="333"/>
      <c r="AY2" s="333"/>
      <c r="AZ2" s="333"/>
      <c r="BA2" s="333"/>
      <c r="BB2" s="333"/>
      <c r="BC2" s="333"/>
      <c r="BD2" s="333"/>
      <c r="BE2" s="333"/>
      <c r="BF2" s="333"/>
      <c r="BG2" s="333"/>
      <c r="BH2" s="333"/>
      <c r="BI2" s="333"/>
      <c r="BJ2" s="333"/>
      <c r="BK2" s="333"/>
      <c r="BL2" s="333"/>
      <c r="BM2" s="333"/>
      <c r="BN2" s="333"/>
      <c r="BO2" s="333"/>
      <c r="BP2" s="333"/>
      <c r="BQ2" s="333"/>
      <c r="BR2" s="333"/>
      <c r="BS2" s="333"/>
      <c r="BT2" s="333"/>
      <c r="BU2" s="333"/>
      <c r="BV2" s="333"/>
      <c r="BW2" s="333"/>
      <c r="BX2" s="333"/>
    </row>
    <row r="3" spans="1:77" ht="23.25" customHeight="1" x14ac:dyDescent="0.2">
      <c r="A3" s="334" t="s">
        <v>488</v>
      </c>
      <c r="B3" s="334"/>
      <c r="C3" s="335" t="s">
        <v>489</v>
      </c>
      <c r="D3" s="335"/>
      <c r="E3" s="335"/>
      <c r="F3" s="335"/>
      <c r="G3" s="260">
        <f>入力してください!H10</f>
        <v>0</v>
      </c>
      <c r="H3" s="259"/>
      <c r="I3" s="259"/>
      <c r="J3" s="259"/>
      <c r="K3" s="336" t="s">
        <v>490</v>
      </c>
      <c r="L3" s="336"/>
      <c r="M3" s="260">
        <f>入力してください!K10</f>
        <v>0</v>
      </c>
      <c r="N3" s="259"/>
      <c r="O3" s="259"/>
      <c r="P3" s="259"/>
      <c r="Q3" s="404" t="s">
        <v>491</v>
      </c>
      <c r="R3" s="404"/>
      <c r="S3" s="404"/>
      <c r="T3" s="334" t="s">
        <v>186</v>
      </c>
      <c r="U3" s="334"/>
      <c r="V3" s="334"/>
      <c r="W3" s="334"/>
      <c r="X3" s="334"/>
      <c r="Y3" s="236">
        <f>入力してください!S10</f>
        <v>0</v>
      </c>
      <c r="Z3" s="237"/>
      <c r="AA3" s="237"/>
      <c r="AB3" s="237"/>
      <c r="AC3" s="237"/>
      <c r="AD3" s="237"/>
      <c r="AE3" s="237"/>
      <c r="AF3" s="237"/>
      <c r="AG3" s="237"/>
      <c r="AH3" s="237"/>
      <c r="AI3" s="237"/>
      <c r="AJ3" s="237"/>
      <c r="AK3" s="237"/>
      <c r="AL3" s="238"/>
      <c r="AM3" s="420" t="s">
        <v>575</v>
      </c>
      <c r="AN3" s="421"/>
      <c r="AO3" s="421"/>
      <c r="AP3" s="421"/>
      <c r="AQ3" s="421"/>
      <c r="AR3" s="421"/>
      <c r="AS3" s="421"/>
      <c r="AT3" s="421"/>
      <c r="AU3" s="421"/>
      <c r="AV3" s="421"/>
      <c r="AW3" s="421"/>
      <c r="AX3" s="421"/>
      <c r="AY3" s="421"/>
      <c r="AZ3" s="421"/>
      <c r="BA3" s="421"/>
      <c r="BB3" s="421"/>
      <c r="BC3" s="421"/>
      <c r="BD3" s="421"/>
      <c r="BE3" s="421"/>
      <c r="BF3" s="421"/>
      <c r="BG3" s="421"/>
      <c r="BH3" s="421"/>
      <c r="BI3" s="421"/>
      <c r="BJ3" s="421"/>
      <c r="BK3" s="421"/>
      <c r="BL3" s="421"/>
      <c r="BM3" s="421"/>
      <c r="BN3" s="421"/>
      <c r="BO3" s="421"/>
      <c r="BP3" s="421"/>
      <c r="BQ3" s="421"/>
      <c r="BR3" s="421"/>
      <c r="BS3" s="421"/>
      <c r="BT3" s="421"/>
      <c r="BU3" s="421"/>
      <c r="BV3" s="421"/>
      <c r="BW3" s="421"/>
      <c r="BX3" s="421"/>
    </row>
    <row r="4" spans="1:77" s="3" customFormat="1" ht="12.5" customHeight="1" x14ac:dyDescent="0.2">
      <c r="A4" s="334"/>
      <c r="B4" s="334"/>
      <c r="C4" s="335"/>
      <c r="D4" s="335"/>
      <c r="E4" s="335"/>
      <c r="F4" s="335"/>
      <c r="G4" s="259"/>
      <c r="H4" s="259"/>
      <c r="I4" s="259"/>
      <c r="J4" s="259"/>
      <c r="K4" s="336"/>
      <c r="L4" s="336"/>
      <c r="M4" s="259"/>
      <c r="N4" s="259"/>
      <c r="O4" s="259"/>
      <c r="P4" s="259"/>
      <c r="Q4" s="404"/>
      <c r="R4" s="404"/>
      <c r="S4" s="404"/>
      <c r="T4" s="334"/>
      <c r="U4" s="334"/>
      <c r="V4" s="334"/>
      <c r="W4" s="334"/>
      <c r="X4" s="334"/>
      <c r="Y4" s="239"/>
      <c r="Z4" s="240"/>
      <c r="AA4" s="240"/>
      <c r="AB4" s="240"/>
      <c r="AC4" s="240"/>
      <c r="AD4" s="240"/>
      <c r="AE4" s="240"/>
      <c r="AF4" s="240"/>
      <c r="AG4" s="240"/>
      <c r="AH4" s="240"/>
      <c r="AI4" s="240"/>
      <c r="AJ4" s="240"/>
      <c r="AK4" s="240"/>
      <c r="AL4" s="241"/>
      <c r="AM4" s="421"/>
      <c r="AN4" s="421"/>
      <c r="AO4" s="421"/>
      <c r="AP4" s="421"/>
      <c r="AQ4" s="421"/>
      <c r="AR4" s="421"/>
      <c r="AS4" s="421"/>
      <c r="AT4" s="421"/>
      <c r="AU4" s="421"/>
      <c r="AV4" s="421"/>
      <c r="AW4" s="421"/>
      <c r="AX4" s="421"/>
      <c r="AY4" s="421"/>
      <c r="AZ4" s="421"/>
      <c r="BA4" s="421"/>
      <c r="BB4" s="421"/>
      <c r="BC4" s="421"/>
      <c r="BD4" s="421"/>
      <c r="BE4" s="421"/>
      <c r="BF4" s="421"/>
      <c r="BG4" s="421"/>
      <c r="BH4" s="421"/>
      <c r="BI4" s="421"/>
      <c r="BJ4" s="421"/>
      <c r="BK4" s="421"/>
      <c r="BL4" s="421"/>
      <c r="BM4" s="421"/>
      <c r="BN4" s="421"/>
      <c r="BO4" s="421"/>
      <c r="BP4" s="421"/>
      <c r="BQ4" s="421"/>
      <c r="BR4" s="421"/>
      <c r="BS4" s="421"/>
      <c r="BT4" s="421"/>
      <c r="BU4" s="421"/>
      <c r="BV4" s="421"/>
      <c r="BW4" s="421"/>
      <c r="BX4" s="421"/>
    </row>
    <row r="5" spans="1:77" s="3" customFormat="1" ht="44.5" customHeight="1" x14ac:dyDescent="0.2">
      <c r="A5" s="665" t="s">
        <v>559</v>
      </c>
      <c r="B5" s="666"/>
      <c r="C5" s="666"/>
      <c r="D5" s="666"/>
      <c r="E5" s="666"/>
      <c r="F5" s="666"/>
      <c r="G5" s="666"/>
      <c r="H5" s="666"/>
      <c r="I5" s="666"/>
      <c r="J5" s="666"/>
      <c r="K5" s="666"/>
      <c r="L5" s="666"/>
      <c r="M5" s="666"/>
      <c r="N5" s="666"/>
      <c r="O5" s="666"/>
      <c r="P5" s="666"/>
      <c r="Q5" s="337"/>
      <c r="R5" s="337"/>
      <c r="S5" s="337"/>
      <c r="T5" s="337"/>
      <c r="U5" s="337"/>
      <c r="V5" s="337"/>
      <c r="W5" s="337"/>
      <c r="X5" s="337"/>
      <c r="Y5" s="337"/>
      <c r="Z5" s="337"/>
      <c r="AA5" s="337"/>
      <c r="AB5" s="337"/>
      <c r="AC5" s="337"/>
      <c r="AD5" s="337"/>
      <c r="AE5" s="337"/>
      <c r="AF5" s="337"/>
      <c r="AG5" s="337"/>
      <c r="AH5" s="337"/>
      <c r="AI5" s="337"/>
      <c r="AJ5" s="337"/>
      <c r="AK5" s="337"/>
      <c r="AL5" s="338"/>
      <c r="AM5" s="421"/>
      <c r="AN5" s="421"/>
      <c r="AO5" s="421"/>
      <c r="AP5" s="421"/>
      <c r="AQ5" s="421"/>
      <c r="AR5" s="421"/>
      <c r="AS5" s="421"/>
      <c r="AT5" s="421"/>
      <c r="AU5" s="421"/>
      <c r="AV5" s="421"/>
      <c r="AW5" s="421"/>
      <c r="AX5" s="421"/>
      <c r="AY5" s="421"/>
      <c r="AZ5" s="421"/>
      <c r="BA5" s="421"/>
      <c r="BB5" s="421"/>
      <c r="BC5" s="421"/>
      <c r="BD5" s="421"/>
      <c r="BE5" s="421"/>
      <c r="BF5" s="421"/>
      <c r="BG5" s="421"/>
      <c r="BH5" s="421"/>
      <c r="BI5" s="421"/>
      <c r="BJ5" s="421"/>
      <c r="BK5" s="421"/>
      <c r="BL5" s="421"/>
      <c r="BM5" s="421"/>
      <c r="BN5" s="421"/>
      <c r="BO5" s="421"/>
      <c r="BP5" s="421"/>
      <c r="BQ5" s="421"/>
      <c r="BR5" s="421"/>
      <c r="BS5" s="421"/>
      <c r="BT5" s="421"/>
      <c r="BU5" s="421"/>
      <c r="BV5" s="421"/>
      <c r="BW5" s="421"/>
      <c r="BX5" s="421"/>
    </row>
    <row r="6" spans="1:77" s="3" customFormat="1" ht="24.5" customHeight="1" x14ac:dyDescent="0.2">
      <c r="A6" s="339" t="s">
        <v>560</v>
      </c>
      <c r="B6" s="39"/>
      <c r="C6" s="39"/>
      <c r="D6" s="13"/>
      <c r="E6" s="13"/>
      <c r="F6" s="13"/>
      <c r="G6" s="42"/>
      <c r="H6" s="42"/>
      <c r="I6" s="42"/>
      <c r="J6" s="42"/>
      <c r="K6" s="42"/>
      <c r="L6" s="42"/>
      <c r="M6" s="13"/>
      <c r="N6" s="13"/>
      <c r="O6" s="42"/>
      <c r="P6" s="42"/>
      <c r="Q6" s="667" t="s">
        <v>565</v>
      </c>
      <c r="R6" s="668"/>
      <c r="S6" s="668"/>
      <c r="T6" s="668"/>
      <c r="U6" s="669"/>
      <c r="V6" s="271">
        <f>入力してください!E14</f>
        <v>0</v>
      </c>
      <c r="W6" s="272"/>
      <c r="X6" s="272"/>
      <c r="Y6" s="272"/>
      <c r="Z6" s="272"/>
      <c r="AA6" s="272"/>
      <c r="AB6" s="273"/>
      <c r="AC6" s="57" t="s">
        <v>566</v>
      </c>
      <c r="AD6" s="242">
        <f>入力してください!G13</f>
        <v>0</v>
      </c>
      <c r="AE6" s="242"/>
      <c r="AF6" s="42" t="s">
        <v>129</v>
      </c>
      <c r="AG6" s="242">
        <f>入力してください!J13</f>
        <v>0</v>
      </c>
      <c r="AH6" s="242"/>
      <c r="AI6" s="42" t="s">
        <v>567</v>
      </c>
      <c r="AJ6" s="242">
        <f>入力してください!M13</f>
        <v>0</v>
      </c>
      <c r="AK6" s="242"/>
      <c r="AL6" s="42" t="s">
        <v>130</v>
      </c>
      <c r="AM6" s="333" t="s">
        <v>126</v>
      </c>
      <c r="AN6" s="333"/>
      <c r="AO6" s="333"/>
      <c r="AP6" s="333"/>
      <c r="AQ6" s="333"/>
      <c r="AR6" s="333"/>
      <c r="AS6" s="333"/>
      <c r="AT6" s="333"/>
      <c r="AU6" s="333"/>
      <c r="AV6" s="333"/>
      <c r="AW6" s="333"/>
      <c r="AX6" s="333"/>
      <c r="AY6" s="333"/>
      <c r="AZ6" s="333"/>
      <c r="BA6" s="333"/>
      <c r="BB6" s="333"/>
      <c r="BC6" s="333" t="s">
        <v>151</v>
      </c>
      <c r="BD6" s="333"/>
      <c r="BE6" s="333"/>
      <c r="BF6" s="333"/>
      <c r="BG6" s="333"/>
      <c r="BH6" s="255" t="s">
        <v>527</v>
      </c>
      <c r="BI6" s="255"/>
      <c r="BJ6" s="333" t="s">
        <v>520</v>
      </c>
      <c r="BK6" s="333"/>
      <c r="BL6" s="333"/>
      <c r="BM6" s="333"/>
      <c r="BN6" s="333"/>
      <c r="BO6" s="333"/>
      <c r="BP6" s="333"/>
      <c r="BQ6" s="333"/>
      <c r="BR6" s="333"/>
      <c r="BS6" s="333"/>
      <c r="BT6" s="333"/>
      <c r="BU6" s="333"/>
      <c r="BV6" s="255" t="s">
        <v>521</v>
      </c>
      <c r="BW6" s="255"/>
      <c r="BX6" s="255"/>
    </row>
    <row r="7" spans="1:77" s="3" customFormat="1" ht="24.5" customHeight="1" x14ac:dyDescent="0.2">
      <c r="A7" s="48"/>
      <c r="B7" s="49"/>
      <c r="C7" s="49"/>
      <c r="D7" s="38"/>
      <c r="E7" s="38"/>
      <c r="F7" s="38"/>
      <c r="G7" s="42"/>
      <c r="H7" s="42"/>
      <c r="I7" s="42"/>
      <c r="J7" s="42"/>
      <c r="K7" s="42"/>
      <c r="L7" s="42"/>
      <c r="M7" s="42"/>
      <c r="N7" s="42"/>
      <c r="O7" s="42"/>
      <c r="P7" s="42"/>
      <c r="Q7" s="340" t="s">
        <v>564</v>
      </c>
      <c r="R7" s="341"/>
      <c r="S7" s="341"/>
      <c r="T7" s="341"/>
      <c r="U7" s="342"/>
      <c r="V7" s="269">
        <f>入力してください!E15</f>
        <v>0</v>
      </c>
      <c r="W7" s="274"/>
      <c r="X7" s="274"/>
      <c r="Y7" s="274"/>
      <c r="Z7" s="274"/>
      <c r="AA7" s="274"/>
      <c r="AB7" s="274"/>
      <c r="AC7" s="274"/>
      <c r="AD7" s="274"/>
      <c r="AE7" s="274"/>
      <c r="AF7" s="274"/>
      <c r="AG7" s="274"/>
      <c r="AH7" s="274"/>
      <c r="AI7" s="274"/>
      <c r="AJ7" s="274"/>
      <c r="AK7" s="274"/>
      <c r="AL7" s="275"/>
      <c r="AM7" s="333"/>
      <c r="AN7" s="333"/>
      <c r="AO7" s="333"/>
      <c r="AP7" s="333"/>
      <c r="AQ7" s="333"/>
      <c r="AR7" s="333"/>
      <c r="AS7" s="333"/>
      <c r="AT7" s="333"/>
      <c r="AU7" s="333"/>
      <c r="AV7" s="333"/>
      <c r="AW7" s="333"/>
      <c r="AX7" s="333"/>
      <c r="AY7" s="333"/>
      <c r="AZ7" s="333"/>
      <c r="BA7" s="333"/>
      <c r="BB7" s="333"/>
      <c r="BC7" s="333"/>
      <c r="BD7" s="333"/>
      <c r="BE7" s="333"/>
      <c r="BF7" s="333"/>
      <c r="BG7" s="333"/>
      <c r="BH7" s="255"/>
      <c r="BI7" s="255"/>
      <c r="BJ7" s="333" t="s">
        <v>528</v>
      </c>
      <c r="BK7" s="333"/>
      <c r="BL7" s="333"/>
      <c r="BM7" s="333"/>
      <c r="BN7" s="333"/>
      <c r="BO7" s="333"/>
      <c r="BP7" s="333"/>
      <c r="BQ7" s="333"/>
      <c r="BR7" s="333"/>
      <c r="BS7" s="333"/>
      <c r="BT7" s="333"/>
      <c r="BU7" s="333"/>
      <c r="BV7" s="255"/>
      <c r="BW7" s="255"/>
      <c r="BX7" s="255"/>
    </row>
    <row r="8" spans="1:77" s="3" customFormat="1" ht="24.5" customHeight="1" x14ac:dyDescent="0.2">
      <c r="A8" s="339" t="s">
        <v>561</v>
      </c>
      <c r="B8" s="49"/>
      <c r="C8" s="49"/>
      <c r="D8" s="38"/>
      <c r="E8" s="38"/>
      <c r="F8" s="38"/>
      <c r="G8" s="42"/>
      <c r="H8" s="42"/>
      <c r="I8" s="42"/>
      <c r="J8" s="42"/>
      <c r="K8" s="42"/>
      <c r="L8" s="42"/>
      <c r="M8" s="42"/>
      <c r="N8" s="42"/>
      <c r="O8" s="42"/>
      <c r="P8" s="42"/>
      <c r="Q8" s="43"/>
      <c r="R8" s="43"/>
      <c r="S8" s="43"/>
      <c r="T8" s="43"/>
      <c r="U8" s="43"/>
      <c r="V8" s="43"/>
      <c r="W8" s="43"/>
      <c r="X8" s="43"/>
      <c r="Y8" s="43"/>
      <c r="Z8" s="43"/>
      <c r="AA8" s="43"/>
      <c r="AB8" s="43"/>
      <c r="AC8" s="43"/>
      <c r="AD8" s="43"/>
      <c r="AE8" s="43"/>
      <c r="AF8" s="43"/>
      <c r="AG8" s="43"/>
      <c r="AH8" s="43"/>
      <c r="AI8" s="43"/>
      <c r="AJ8" s="43"/>
      <c r="AK8" s="43"/>
      <c r="AL8" s="43"/>
      <c r="AM8" s="333" t="s">
        <v>164</v>
      </c>
      <c r="AN8" s="333"/>
      <c r="AO8" s="333" t="s">
        <v>126</v>
      </c>
      <c r="AP8" s="333"/>
      <c r="AQ8" s="690" t="s">
        <v>185</v>
      </c>
      <c r="AR8" s="690"/>
      <c r="AS8" s="690"/>
      <c r="AT8" s="690"/>
      <c r="AU8" s="690"/>
      <c r="AV8" s="690"/>
      <c r="AW8" s="690"/>
      <c r="AX8" s="690"/>
      <c r="AY8" s="690"/>
      <c r="AZ8" s="690"/>
      <c r="BA8" s="690"/>
      <c r="BB8" s="690"/>
      <c r="BC8" s="690"/>
      <c r="BD8" s="690"/>
      <c r="BE8" s="690"/>
      <c r="BF8" s="690"/>
      <c r="BG8" s="690"/>
      <c r="BH8" s="286" t="s">
        <v>184</v>
      </c>
      <c r="BI8" s="286"/>
      <c r="BJ8" s="286" t="s">
        <v>519</v>
      </c>
      <c r="BK8" s="286"/>
      <c r="BL8" s="286"/>
      <c r="BM8" s="286"/>
      <c r="BN8" s="286"/>
      <c r="BO8" s="286"/>
      <c r="BP8" s="286"/>
      <c r="BQ8" s="286"/>
      <c r="BR8" s="286"/>
      <c r="BS8" s="286"/>
      <c r="BT8" s="286"/>
      <c r="BU8" s="286"/>
      <c r="BV8" s="267">
        <f>入力してください!W71</f>
        <v>0</v>
      </c>
      <c r="BW8" s="267"/>
      <c r="BX8" s="267"/>
    </row>
    <row r="9" spans="1:77" s="3" customFormat="1" ht="24.5" customHeight="1" x14ac:dyDescent="0.2">
      <c r="A9" s="339" t="s">
        <v>562</v>
      </c>
      <c r="B9" s="49"/>
      <c r="C9" s="49"/>
      <c r="D9" s="38"/>
      <c r="E9" s="38"/>
      <c r="F9" s="38"/>
      <c r="G9" s="42"/>
      <c r="H9" s="42"/>
      <c r="I9" s="42"/>
      <c r="J9" s="42"/>
      <c r="K9" s="42"/>
      <c r="L9" s="42"/>
      <c r="M9" s="42"/>
      <c r="N9" s="42"/>
      <c r="O9" s="42"/>
      <c r="P9" s="42"/>
      <c r="Q9" s="42"/>
      <c r="R9" s="42"/>
      <c r="S9" s="42"/>
      <c r="T9" s="42"/>
      <c r="U9" s="42"/>
      <c r="V9" s="38"/>
      <c r="W9" s="38"/>
      <c r="X9" s="38"/>
      <c r="Y9" s="38"/>
      <c r="Z9" s="38"/>
      <c r="AA9" s="38"/>
      <c r="AB9" s="38"/>
      <c r="AC9" s="38"/>
      <c r="AD9" s="38"/>
      <c r="AE9" s="38"/>
      <c r="AF9" s="39"/>
      <c r="AG9" s="58"/>
      <c r="AH9" s="58"/>
      <c r="AI9" s="39"/>
      <c r="AJ9" s="38"/>
      <c r="AK9" s="38"/>
      <c r="AL9" s="39"/>
      <c r="AM9" s="333"/>
      <c r="AN9" s="333"/>
      <c r="AO9" s="422" t="s">
        <v>152</v>
      </c>
      <c r="AP9" s="422"/>
      <c r="AQ9" s="283">
        <f>入力してください!Q72</f>
        <v>0</v>
      </c>
      <c r="AR9" s="284"/>
      <c r="AS9" s="284"/>
      <c r="AT9" s="284"/>
      <c r="AU9" s="284"/>
      <c r="AV9" s="284"/>
      <c r="AW9" s="284"/>
      <c r="AX9" s="284"/>
      <c r="AY9" s="284"/>
      <c r="AZ9" s="284"/>
      <c r="BA9" s="284"/>
      <c r="BB9" s="284"/>
      <c r="BC9" s="284"/>
      <c r="BD9" s="284"/>
      <c r="BE9" s="284"/>
      <c r="BF9" s="284"/>
      <c r="BG9" s="285"/>
      <c r="BH9" s="286"/>
      <c r="BI9" s="286"/>
      <c r="BJ9" s="283">
        <f>入力してください!AC72</f>
        <v>0</v>
      </c>
      <c r="BK9" s="284"/>
      <c r="BL9" s="284"/>
      <c r="BM9" s="284"/>
      <c r="BN9" s="284"/>
      <c r="BO9" s="284"/>
      <c r="BP9" s="284"/>
      <c r="BQ9" s="284"/>
      <c r="BR9" s="284"/>
      <c r="BS9" s="284"/>
      <c r="BT9" s="284"/>
      <c r="BU9" s="285"/>
      <c r="BV9" s="267"/>
      <c r="BW9" s="267"/>
      <c r="BX9" s="267"/>
      <c r="BY9" s="689"/>
    </row>
    <row r="10" spans="1:77" s="3" customFormat="1" ht="24.5" customHeight="1" x14ac:dyDescent="0.2">
      <c r="A10" s="265"/>
      <c r="B10" s="266"/>
      <c r="C10" s="266"/>
      <c r="D10" s="266"/>
      <c r="E10" s="266"/>
      <c r="F10" s="266"/>
      <c r="G10" s="266"/>
      <c r="H10" s="266"/>
      <c r="I10" s="266"/>
      <c r="J10" s="266"/>
      <c r="K10" s="266"/>
      <c r="L10" s="266"/>
      <c r="M10" s="266"/>
      <c r="N10" s="266"/>
      <c r="O10" s="266"/>
      <c r="P10" s="266"/>
      <c r="Q10" s="344" t="s">
        <v>568</v>
      </c>
      <c r="R10" s="344"/>
      <c r="S10" s="344"/>
      <c r="T10" s="344"/>
      <c r="U10" s="344"/>
      <c r="V10" s="270">
        <f>入力してください!H19</f>
        <v>0</v>
      </c>
      <c r="W10" s="270"/>
      <c r="X10" s="270"/>
      <c r="Y10" s="270"/>
      <c r="Z10" s="270"/>
      <c r="AA10" s="270"/>
      <c r="AB10" s="270"/>
      <c r="AC10" s="56" t="s">
        <v>169</v>
      </c>
      <c r="AD10" s="245">
        <f>入力してください!J21</f>
        <v>0</v>
      </c>
      <c r="AE10" s="245"/>
      <c r="AF10" s="55" t="s">
        <v>129</v>
      </c>
      <c r="AG10" s="242">
        <f>入力してください!M21</f>
        <v>0</v>
      </c>
      <c r="AH10" s="242"/>
      <c r="AI10" s="55" t="s">
        <v>567</v>
      </c>
      <c r="AJ10" s="245">
        <f>入力してください!P21</f>
        <v>0</v>
      </c>
      <c r="AK10" s="245"/>
      <c r="AL10" s="59" t="s">
        <v>130</v>
      </c>
      <c r="AM10" s="258" t="s">
        <v>529</v>
      </c>
      <c r="AN10" s="261"/>
      <c r="AO10" s="261"/>
      <c r="AP10" s="261"/>
      <c r="AQ10" s="261"/>
      <c r="AR10" s="261"/>
      <c r="AS10" s="261"/>
      <c r="AT10" s="261"/>
      <c r="AU10" s="261"/>
      <c r="AV10" s="261"/>
      <c r="AW10" s="261"/>
      <c r="AX10" s="261"/>
      <c r="AY10" s="261"/>
      <c r="AZ10" s="261"/>
      <c r="BA10" s="261"/>
      <c r="BB10" s="261"/>
      <c r="BC10" s="261"/>
      <c r="BD10" s="261"/>
      <c r="BE10" s="261"/>
      <c r="BF10" s="261"/>
      <c r="BG10" s="261"/>
      <c r="BH10" s="261"/>
      <c r="BI10" s="261"/>
      <c r="BJ10" s="261"/>
      <c r="BK10" s="261"/>
      <c r="BL10" s="261"/>
      <c r="BM10" s="261"/>
      <c r="BN10" s="261"/>
      <c r="BO10" s="261"/>
      <c r="BP10" s="261"/>
      <c r="BQ10" s="261"/>
      <c r="BR10" s="261"/>
      <c r="BS10" s="261"/>
      <c r="BT10" s="261"/>
      <c r="BU10" s="261"/>
      <c r="BV10" s="261"/>
      <c r="BW10" s="261"/>
      <c r="BX10" s="262"/>
      <c r="BY10" s="6"/>
    </row>
    <row r="11" spans="1:77" s="3" customFormat="1" ht="24.5" customHeight="1" x14ac:dyDescent="0.2">
      <c r="A11" s="265"/>
      <c r="B11" s="266"/>
      <c r="C11" s="266"/>
      <c r="D11" s="266"/>
      <c r="E11" s="266"/>
      <c r="F11" s="266"/>
      <c r="G11" s="266"/>
      <c r="H11" s="266"/>
      <c r="I11" s="266"/>
      <c r="J11" s="266"/>
      <c r="K11" s="266"/>
      <c r="L11" s="266"/>
      <c r="M11" s="266"/>
      <c r="N11" s="266"/>
      <c r="O11" s="266"/>
      <c r="P11" s="266"/>
      <c r="Q11" s="252" t="s">
        <v>569</v>
      </c>
      <c r="R11" s="252"/>
      <c r="S11" s="252"/>
      <c r="T11" s="252"/>
      <c r="U11" s="252"/>
      <c r="V11" s="268">
        <f>入力してください!H20</f>
        <v>0</v>
      </c>
      <c r="W11" s="268"/>
      <c r="X11" s="268"/>
      <c r="Y11" s="268"/>
      <c r="Z11" s="268"/>
      <c r="AA11" s="268"/>
      <c r="AB11" s="268"/>
      <c r="AC11" s="268"/>
      <c r="AD11" s="268"/>
      <c r="AE11" s="268"/>
      <c r="AF11" s="268"/>
      <c r="AG11" s="268"/>
      <c r="AH11" s="268"/>
      <c r="AI11" s="268"/>
      <c r="AJ11" s="268"/>
      <c r="AK11" s="268"/>
      <c r="AL11" s="268"/>
      <c r="AM11" s="423" t="s">
        <v>522</v>
      </c>
      <c r="AN11" s="422"/>
      <c r="AO11" s="257" t="s">
        <v>126</v>
      </c>
      <c r="AP11" s="257"/>
      <c r="AQ11" s="317">
        <f>入力してください!F73</f>
        <v>0</v>
      </c>
      <c r="AR11" s="318"/>
      <c r="AS11" s="318"/>
      <c r="AT11" s="318"/>
      <c r="AU11" s="318"/>
      <c r="AV11" s="318"/>
      <c r="AW11" s="318"/>
      <c r="AX11" s="318"/>
      <c r="AY11" s="318"/>
      <c r="AZ11" s="319"/>
      <c r="BA11" s="323">
        <f>入力してください!F74</f>
        <v>0</v>
      </c>
      <c r="BB11" s="324">
        <f>入力してください!H74</f>
        <v>0</v>
      </c>
      <c r="BC11" s="324" t="s">
        <v>129</v>
      </c>
      <c r="BD11" s="324">
        <f>入力してください!J74</f>
        <v>0</v>
      </c>
      <c r="BE11" s="324" t="s">
        <v>567</v>
      </c>
      <c r="BF11" s="324">
        <f>入力してください!L74</f>
        <v>0</v>
      </c>
      <c r="BG11" s="325" t="s">
        <v>572</v>
      </c>
      <c r="BH11" s="256">
        <f>入力してください!Q73</f>
        <v>0</v>
      </c>
      <c r="BI11" s="256"/>
      <c r="BJ11" s="279">
        <f>入力してください!AC73</f>
        <v>0</v>
      </c>
      <c r="BK11" s="279"/>
      <c r="BL11" s="279"/>
      <c r="BM11" s="279"/>
      <c r="BN11" s="279"/>
      <c r="BO11" s="279"/>
      <c r="BP11" s="279"/>
      <c r="BQ11" s="279"/>
      <c r="BR11" s="279"/>
      <c r="BS11" s="279"/>
      <c r="BT11" s="279"/>
      <c r="BU11" s="279"/>
      <c r="BV11" s="226">
        <f>入力してください!W73</f>
        <v>0</v>
      </c>
      <c r="BW11" s="226"/>
      <c r="BX11" s="226"/>
      <c r="BY11" s="6"/>
    </row>
    <row r="12" spans="1:77" s="3" customFormat="1" ht="24.5" customHeight="1" x14ac:dyDescent="0.2">
      <c r="A12" s="48"/>
      <c r="B12" s="38"/>
      <c r="C12" s="38"/>
      <c r="D12" s="13"/>
      <c r="E12" s="13"/>
      <c r="F12" s="13"/>
      <c r="G12" s="13"/>
      <c r="H12" s="13"/>
      <c r="I12" s="13"/>
      <c r="J12" s="13"/>
      <c r="K12" s="13"/>
      <c r="L12" s="13"/>
      <c r="M12" s="42"/>
      <c r="N12" s="42"/>
      <c r="O12" s="42"/>
      <c r="P12" s="42"/>
      <c r="Q12" s="42"/>
      <c r="R12" s="42"/>
      <c r="S12" s="42"/>
      <c r="T12" s="42"/>
      <c r="U12" s="42"/>
      <c r="V12" s="42"/>
      <c r="W12" s="13"/>
      <c r="X12" s="13"/>
      <c r="Y12" s="13"/>
      <c r="Z12" s="13"/>
      <c r="AA12" s="13"/>
      <c r="AB12" s="42"/>
      <c r="AC12" s="42"/>
      <c r="AD12" s="42"/>
      <c r="AE12" s="55"/>
      <c r="AF12" s="42"/>
      <c r="AG12" s="42"/>
      <c r="AH12" s="42"/>
      <c r="AI12" s="42"/>
      <c r="AJ12" s="42"/>
      <c r="AK12" s="42"/>
      <c r="AL12" s="42"/>
      <c r="AM12" s="422"/>
      <c r="AN12" s="422"/>
      <c r="AO12" s="257"/>
      <c r="AP12" s="257"/>
      <c r="AQ12" s="320"/>
      <c r="AR12" s="321"/>
      <c r="AS12" s="321"/>
      <c r="AT12" s="321"/>
      <c r="AU12" s="321"/>
      <c r="AV12" s="321"/>
      <c r="AW12" s="321"/>
      <c r="AX12" s="321"/>
      <c r="AY12" s="321"/>
      <c r="AZ12" s="322"/>
      <c r="BA12" s="326"/>
      <c r="BB12" s="327"/>
      <c r="BC12" s="327"/>
      <c r="BD12" s="327"/>
      <c r="BE12" s="327"/>
      <c r="BF12" s="327"/>
      <c r="BG12" s="328"/>
      <c r="BH12" s="256"/>
      <c r="BI12" s="256"/>
      <c r="BJ12" s="279"/>
      <c r="BK12" s="279"/>
      <c r="BL12" s="279"/>
      <c r="BM12" s="279"/>
      <c r="BN12" s="279"/>
      <c r="BO12" s="279"/>
      <c r="BP12" s="279"/>
      <c r="BQ12" s="279"/>
      <c r="BR12" s="279"/>
      <c r="BS12" s="279"/>
      <c r="BT12" s="279"/>
      <c r="BU12" s="279"/>
      <c r="BV12" s="226"/>
      <c r="BW12" s="226"/>
      <c r="BX12" s="226"/>
      <c r="BY12" s="6"/>
    </row>
    <row r="13" spans="1:77" s="3" customFormat="1" ht="24.5" customHeight="1" x14ac:dyDescent="0.2">
      <c r="A13" s="670" t="s">
        <v>492</v>
      </c>
      <c r="B13" s="671"/>
      <c r="C13" s="349" t="s">
        <v>127</v>
      </c>
      <c r="D13" s="350"/>
      <c r="E13" s="350"/>
      <c r="F13" s="350"/>
      <c r="G13" s="351"/>
      <c r="H13" s="352">
        <f>入力してください!G25</f>
        <v>0</v>
      </c>
      <c r="I13" s="345"/>
      <c r="J13" s="345"/>
      <c r="K13" s="345"/>
      <c r="L13" s="345"/>
      <c r="M13" s="345"/>
      <c r="N13" s="345"/>
      <c r="O13" s="345"/>
      <c r="P13" s="345"/>
      <c r="Q13" s="345"/>
      <c r="R13" s="345"/>
      <c r="S13" s="345"/>
      <c r="T13" s="345"/>
      <c r="U13" s="353" t="s">
        <v>151</v>
      </c>
      <c r="V13" s="353"/>
      <c r="W13" s="353"/>
      <c r="X13" s="353"/>
      <c r="Y13" s="353"/>
      <c r="Z13" s="354">
        <f>入力してください!G26</f>
        <v>0</v>
      </c>
      <c r="AA13" s="354"/>
      <c r="AB13" s="354"/>
      <c r="AC13" s="355"/>
      <c r="AD13" s="345">
        <f>入力してください!I26</f>
        <v>0</v>
      </c>
      <c r="AE13" s="345"/>
      <c r="AF13" s="346" t="s">
        <v>129</v>
      </c>
      <c r="AG13" s="345">
        <f>入力してください!N26</f>
        <v>0</v>
      </c>
      <c r="AH13" s="345"/>
      <c r="AI13" s="346" t="s">
        <v>567</v>
      </c>
      <c r="AJ13" s="345">
        <f>入力してください!Q26</f>
        <v>0</v>
      </c>
      <c r="AK13" s="345"/>
      <c r="AL13" s="347" t="s">
        <v>130</v>
      </c>
      <c r="AM13" s="422"/>
      <c r="AN13" s="422"/>
      <c r="AO13" s="422" t="s">
        <v>152</v>
      </c>
      <c r="AP13" s="422"/>
      <c r="AQ13" s="287">
        <f>入力してください!Q74</f>
        <v>0</v>
      </c>
      <c r="AR13" s="288"/>
      <c r="AS13" s="288"/>
      <c r="AT13" s="288"/>
      <c r="AU13" s="288"/>
      <c r="AV13" s="288"/>
      <c r="AW13" s="288"/>
      <c r="AX13" s="288"/>
      <c r="AY13" s="288"/>
      <c r="AZ13" s="288"/>
      <c r="BA13" s="288"/>
      <c r="BB13" s="288"/>
      <c r="BC13" s="288"/>
      <c r="BD13" s="288"/>
      <c r="BE13" s="288"/>
      <c r="BF13" s="288"/>
      <c r="BG13" s="289"/>
      <c r="BH13" s="256"/>
      <c r="BI13" s="256"/>
      <c r="BJ13" s="223">
        <f>入力してください!AC74</f>
        <v>0</v>
      </c>
      <c r="BK13" s="281"/>
      <c r="BL13" s="281"/>
      <c r="BM13" s="281"/>
      <c r="BN13" s="281"/>
      <c r="BO13" s="281"/>
      <c r="BP13" s="281"/>
      <c r="BQ13" s="281"/>
      <c r="BR13" s="281"/>
      <c r="BS13" s="281"/>
      <c r="BT13" s="281"/>
      <c r="BU13" s="282"/>
      <c r="BV13" s="226"/>
      <c r="BW13" s="226"/>
      <c r="BX13" s="226"/>
      <c r="BY13" s="6"/>
    </row>
    <row r="14" spans="1:77" s="3" customFormat="1" ht="20.5" customHeight="1" x14ac:dyDescent="0.2">
      <c r="A14" s="672"/>
      <c r="B14" s="673"/>
      <c r="C14" s="356" t="s">
        <v>493</v>
      </c>
      <c r="D14" s="357"/>
      <c r="E14" s="357"/>
      <c r="F14" s="357"/>
      <c r="G14" s="358"/>
      <c r="H14" s="359" t="s">
        <v>131</v>
      </c>
      <c r="I14" s="360">
        <f>入力してください!G27</f>
        <v>0</v>
      </c>
      <c r="J14" s="361"/>
      <c r="K14" s="361"/>
      <c r="L14" s="361"/>
      <c r="M14" s="361"/>
      <c r="N14" s="361"/>
      <c r="O14" s="361"/>
      <c r="P14" s="361"/>
      <c r="Q14" s="361"/>
      <c r="R14" s="361"/>
      <c r="S14" s="361"/>
      <c r="T14" s="361"/>
      <c r="U14" s="361"/>
      <c r="V14" s="361"/>
      <c r="W14" s="361"/>
      <c r="X14" s="361"/>
      <c r="Y14" s="361"/>
      <c r="Z14" s="361"/>
      <c r="AA14" s="361"/>
      <c r="AB14" s="361"/>
      <c r="AC14" s="361"/>
      <c r="AD14" s="361"/>
      <c r="AE14" s="361"/>
      <c r="AF14" s="361"/>
      <c r="AG14" s="361"/>
      <c r="AH14" s="361"/>
      <c r="AI14" s="361"/>
      <c r="AJ14" s="361"/>
      <c r="AK14" s="361"/>
      <c r="AL14" s="362"/>
      <c r="AM14" s="422" t="s">
        <v>522</v>
      </c>
      <c r="AN14" s="422"/>
      <c r="AO14" s="255" t="s">
        <v>126</v>
      </c>
      <c r="AP14" s="255"/>
      <c r="AQ14" s="290">
        <f>入力してください!F75</f>
        <v>0</v>
      </c>
      <c r="AR14" s="291"/>
      <c r="AS14" s="291"/>
      <c r="AT14" s="291"/>
      <c r="AU14" s="291"/>
      <c r="AV14" s="291"/>
      <c r="AW14" s="291"/>
      <c r="AX14" s="291"/>
      <c r="AY14" s="291"/>
      <c r="AZ14" s="292"/>
      <c r="BA14" s="216">
        <f>入力してください!F76</f>
        <v>0</v>
      </c>
      <c r="BB14" s="218">
        <f>入力してください!H76</f>
        <v>0</v>
      </c>
      <c r="BC14" s="218" t="s">
        <v>129</v>
      </c>
      <c r="BD14" s="218">
        <f>入力してください!J76</f>
        <v>0</v>
      </c>
      <c r="BE14" s="218" t="s">
        <v>567</v>
      </c>
      <c r="BF14" s="218">
        <f>入力してください!L76</f>
        <v>0</v>
      </c>
      <c r="BG14" s="220" t="s">
        <v>572</v>
      </c>
      <c r="BH14" s="225">
        <f>入力してください!Q75</f>
        <v>0</v>
      </c>
      <c r="BI14" s="225"/>
      <c r="BJ14" s="226">
        <f>入力してください!AC75</f>
        <v>0</v>
      </c>
      <c r="BK14" s="226"/>
      <c r="BL14" s="226"/>
      <c r="BM14" s="226"/>
      <c r="BN14" s="226"/>
      <c r="BO14" s="226"/>
      <c r="BP14" s="226"/>
      <c r="BQ14" s="226"/>
      <c r="BR14" s="226"/>
      <c r="BS14" s="226"/>
      <c r="BT14" s="226"/>
      <c r="BU14" s="226"/>
      <c r="BV14" s="225">
        <f>入力してください!W75</f>
        <v>0</v>
      </c>
      <c r="BW14" s="225"/>
      <c r="BX14" s="225"/>
      <c r="BY14" s="6"/>
    </row>
    <row r="15" spans="1:77" s="3" customFormat="1" ht="34.5" customHeight="1" x14ac:dyDescent="0.2">
      <c r="A15" s="672"/>
      <c r="B15" s="673"/>
      <c r="C15" s="363"/>
      <c r="D15" s="364"/>
      <c r="E15" s="364"/>
      <c r="F15" s="364"/>
      <c r="G15" s="365"/>
      <c r="H15" s="366">
        <f>入力してください!G28</f>
        <v>0</v>
      </c>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8"/>
      <c r="AM15" s="422"/>
      <c r="AN15" s="422"/>
      <c r="AO15" s="255"/>
      <c r="AP15" s="255"/>
      <c r="AQ15" s="293"/>
      <c r="AR15" s="294"/>
      <c r="AS15" s="294"/>
      <c r="AT15" s="294"/>
      <c r="AU15" s="294"/>
      <c r="AV15" s="294"/>
      <c r="AW15" s="294"/>
      <c r="AX15" s="294"/>
      <c r="AY15" s="294"/>
      <c r="AZ15" s="295"/>
      <c r="BA15" s="217"/>
      <c r="BB15" s="219"/>
      <c r="BC15" s="219"/>
      <c r="BD15" s="219"/>
      <c r="BE15" s="219"/>
      <c r="BF15" s="219"/>
      <c r="BG15" s="221"/>
      <c r="BH15" s="225"/>
      <c r="BI15" s="225"/>
      <c r="BJ15" s="226"/>
      <c r="BK15" s="226"/>
      <c r="BL15" s="226"/>
      <c r="BM15" s="226"/>
      <c r="BN15" s="226"/>
      <c r="BO15" s="226"/>
      <c r="BP15" s="226"/>
      <c r="BQ15" s="226"/>
      <c r="BR15" s="226"/>
      <c r="BS15" s="226"/>
      <c r="BT15" s="226"/>
      <c r="BU15" s="226"/>
      <c r="BV15" s="225"/>
      <c r="BW15" s="225"/>
      <c r="BX15" s="225"/>
      <c r="BY15" s="6"/>
    </row>
    <row r="16" spans="1:77" s="3" customFormat="1" ht="24.5" customHeight="1" x14ac:dyDescent="0.2">
      <c r="A16" s="672"/>
      <c r="B16" s="673"/>
      <c r="C16" s="349" t="s">
        <v>494</v>
      </c>
      <c r="D16" s="350"/>
      <c r="E16" s="350"/>
      <c r="F16" s="350"/>
      <c r="G16" s="350"/>
      <c r="H16" s="350"/>
      <c r="I16" s="351"/>
      <c r="J16" s="352">
        <f>入力してください!P30</f>
        <v>0</v>
      </c>
      <c r="K16" s="341"/>
      <c r="L16" s="341"/>
      <c r="M16" s="341"/>
      <c r="N16" s="341"/>
      <c r="O16" s="341"/>
      <c r="P16" s="341"/>
      <c r="Q16" s="341"/>
      <c r="R16" s="341"/>
      <c r="S16" s="341"/>
      <c r="T16" s="341"/>
      <c r="U16" s="341"/>
      <c r="V16" s="341"/>
      <c r="W16" s="341"/>
      <c r="X16" s="341"/>
      <c r="Y16" s="341"/>
      <c r="Z16" s="341"/>
      <c r="AA16" s="341"/>
      <c r="AB16" s="341"/>
      <c r="AC16" s="341"/>
      <c r="AD16" s="341"/>
      <c r="AE16" s="341"/>
      <c r="AF16" s="341"/>
      <c r="AG16" s="341"/>
      <c r="AH16" s="341"/>
      <c r="AI16" s="341"/>
      <c r="AJ16" s="341"/>
      <c r="AK16" s="341"/>
      <c r="AL16" s="341"/>
      <c r="AM16" s="422"/>
      <c r="AN16" s="422"/>
      <c r="AO16" s="422" t="s">
        <v>152</v>
      </c>
      <c r="AP16" s="422"/>
      <c r="AQ16" s="287">
        <f>入力してください!Q76</f>
        <v>0</v>
      </c>
      <c r="AR16" s="288"/>
      <c r="AS16" s="288"/>
      <c r="AT16" s="288"/>
      <c r="AU16" s="288"/>
      <c r="AV16" s="288"/>
      <c r="AW16" s="288"/>
      <c r="AX16" s="288"/>
      <c r="AY16" s="288"/>
      <c r="AZ16" s="288"/>
      <c r="BA16" s="288"/>
      <c r="BB16" s="288"/>
      <c r="BC16" s="288"/>
      <c r="BD16" s="288"/>
      <c r="BE16" s="288"/>
      <c r="BF16" s="288"/>
      <c r="BG16" s="289"/>
      <c r="BH16" s="225"/>
      <c r="BI16" s="225"/>
      <c r="BJ16" s="298">
        <f>入力してください!AC76</f>
        <v>0</v>
      </c>
      <c r="BK16" s="281"/>
      <c r="BL16" s="281"/>
      <c r="BM16" s="281"/>
      <c r="BN16" s="281"/>
      <c r="BO16" s="281"/>
      <c r="BP16" s="281"/>
      <c r="BQ16" s="281"/>
      <c r="BR16" s="281"/>
      <c r="BS16" s="281"/>
      <c r="BT16" s="281"/>
      <c r="BU16" s="282"/>
      <c r="BV16" s="225"/>
      <c r="BW16" s="225"/>
      <c r="BX16" s="225"/>
      <c r="BY16" s="6"/>
    </row>
    <row r="17" spans="1:77" s="3" customFormat="1" ht="24.5" customHeight="1" x14ac:dyDescent="0.2">
      <c r="A17" s="672"/>
      <c r="B17" s="673"/>
      <c r="C17" s="679" t="s">
        <v>495</v>
      </c>
      <c r="D17" s="680"/>
      <c r="E17" s="681"/>
      <c r="F17" s="405" t="s">
        <v>128</v>
      </c>
      <c r="G17" s="406"/>
      <c r="H17" s="406"/>
      <c r="I17" s="407"/>
      <c r="J17" s="371">
        <f>入力してください!G31</f>
        <v>0</v>
      </c>
      <c r="K17" s="372"/>
      <c r="L17" s="372"/>
      <c r="M17" s="372"/>
      <c r="N17" s="372"/>
      <c r="O17" s="372"/>
      <c r="P17" s="372"/>
      <c r="Q17" s="372"/>
      <c r="R17" s="372"/>
      <c r="S17" s="372"/>
      <c r="T17" s="373"/>
      <c r="U17" s="374" t="s">
        <v>496</v>
      </c>
      <c r="V17" s="375"/>
      <c r="W17" s="376"/>
      <c r="X17" s="377" t="s">
        <v>126</v>
      </c>
      <c r="Y17" s="378"/>
      <c r="Z17" s="378"/>
      <c r="AA17" s="379"/>
      <c r="AB17" s="340">
        <f>入力してください!G32</f>
        <v>0</v>
      </c>
      <c r="AC17" s="341"/>
      <c r="AD17" s="341"/>
      <c r="AE17" s="341"/>
      <c r="AF17" s="341"/>
      <c r="AG17" s="341"/>
      <c r="AH17" s="341"/>
      <c r="AI17" s="341"/>
      <c r="AJ17" s="341"/>
      <c r="AK17" s="341"/>
      <c r="AL17" s="341"/>
      <c r="AM17" s="422" t="s">
        <v>522</v>
      </c>
      <c r="AN17" s="422"/>
      <c r="AO17" s="255" t="s">
        <v>126</v>
      </c>
      <c r="AP17" s="255"/>
      <c r="AQ17" s="276">
        <f>入力してください!F77</f>
        <v>0</v>
      </c>
      <c r="AR17" s="222"/>
      <c r="AS17" s="222"/>
      <c r="AT17" s="222"/>
      <c r="AU17" s="222"/>
      <c r="AV17" s="222"/>
      <c r="AW17" s="222"/>
      <c r="AX17" s="222"/>
      <c r="AY17" s="222"/>
      <c r="AZ17" s="222"/>
      <c r="BA17" s="216">
        <f>入力してください!F78</f>
        <v>0</v>
      </c>
      <c r="BB17" s="218">
        <f>入力してください!H78</f>
        <v>0</v>
      </c>
      <c r="BC17" s="302" t="s">
        <v>129</v>
      </c>
      <c r="BD17" s="222">
        <f>入力してください!J78</f>
        <v>0</v>
      </c>
      <c r="BE17" s="302" t="s">
        <v>567</v>
      </c>
      <c r="BF17" s="222">
        <f>入力してください!L78</f>
        <v>0</v>
      </c>
      <c r="BG17" s="303" t="s">
        <v>572</v>
      </c>
      <c r="BH17" s="226">
        <f>入力してください!Q77</f>
        <v>0</v>
      </c>
      <c r="BI17" s="226"/>
      <c r="BJ17" s="226">
        <f>入力してください!AC77</f>
        <v>0</v>
      </c>
      <c r="BK17" s="226"/>
      <c r="BL17" s="226"/>
      <c r="BM17" s="226"/>
      <c r="BN17" s="226"/>
      <c r="BO17" s="226"/>
      <c r="BP17" s="226"/>
      <c r="BQ17" s="226"/>
      <c r="BR17" s="226"/>
      <c r="BS17" s="226"/>
      <c r="BT17" s="226"/>
      <c r="BU17" s="226"/>
      <c r="BV17" s="225">
        <f>入力してください!W77</f>
        <v>0</v>
      </c>
      <c r="BW17" s="225"/>
      <c r="BX17" s="225"/>
    </row>
    <row r="18" spans="1:77" s="3" customFormat="1" ht="24.5" customHeight="1" x14ac:dyDescent="0.2">
      <c r="A18" s="674"/>
      <c r="B18" s="675"/>
      <c r="C18" s="682"/>
      <c r="D18" s="683"/>
      <c r="E18" s="684"/>
      <c r="F18" s="258" t="s">
        <v>574</v>
      </c>
      <c r="G18" s="263"/>
      <c r="H18" s="263"/>
      <c r="I18" s="264"/>
      <c r="J18" s="380">
        <f>入力してください!G33</f>
        <v>0</v>
      </c>
      <c r="K18" s="372"/>
      <c r="L18" s="372"/>
      <c r="M18" s="372"/>
      <c r="N18" s="372"/>
      <c r="O18" s="372"/>
      <c r="P18" s="372"/>
      <c r="Q18" s="372"/>
      <c r="R18" s="372"/>
      <c r="S18" s="372"/>
      <c r="T18" s="373"/>
      <c r="U18" s="381"/>
      <c r="V18" s="382"/>
      <c r="W18" s="383"/>
      <c r="X18" s="405" t="s">
        <v>497</v>
      </c>
      <c r="Y18" s="406"/>
      <c r="Z18" s="406"/>
      <c r="AA18" s="407"/>
      <c r="AB18" s="371">
        <f>入力してください!R32</f>
        <v>0</v>
      </c>
      <c r="AC18" s="372"/>
      <c r="AD18" s="372"/>
      <c r="AE18" s="372"/>
      <c r="AF18" s="372"/>
      <c r="AG18" s="372"/>
      <c r="AH18" s="372"/>
      <c r="AI18" s="372"/>
      <c r="AJ18" s="372"/>
      <c r="AK18" s="372"/>
      <c r="AL18" s="373"/>
      <c r="AM18" s="422"/>
      <c r="AN18" s="422"/>
      <c r="AO18" s="255"/>
      <c r="AP18" s="255"/>
      <c r="AQ18" s="276"/>
      <c r="AR18" s="222"/>
      <c r="AS18" s="222"/>
      <c r="AT18" s="222"/>
      <c r="AU18" s="222"/>
      <c r="AV18" s="222"/>
      <c r="AW18" s="222"/>
      <c r="AX18" s="222"/>
      <c r="AY18" s="222"/>
      <c r="AZ18" s="222"/>
      <c r="BA18" s="276"/>
      <c r="BB18" s="222"/>
      <c r="BC18" s="302"/>
      <c r="BD18" s="222"/>
      <c r="BE18" s="302"/>
      <c r="BF18" s="222"/>
      <c r="BG18" s="303"/>
      <c r="BH18" s="226"/>
      <c r="BI18" s="226"/>
      <c r="BJ18" s="226"/>
      <c r="BK18" s="226"/>
      <c r="BL18" s="226"/>
      <c r="BM18" s="226"/>
      <c r="BN18" s="226"/>
      <c r="BO18" s="226"/>
      <c r="BP18" s="226"/>
      <c r="BQ18" s="226"/>
      <c r="BR18" s="226"/>
      <c r="BS18" s="226"/>
      <c r="BT18" s="226"/>
      <c r="BU18" s="226"/>
      <c r="BV18" s="225"/>
      <c r="BW18" s="225"/>
      <c r="BX18" s="225"/>
    </row>
    <row r="19" spans="1:77" s="3" customFormat="1" ht="24.5" customHeight="1" x14ac:dyDescent="0.2">
      <c r="A19" s="676" t="s">
        <v>498</v>
      </c>
      <c r="B19" s="676"/>
      <c r="C19" s="334" t="s">
        <v>499</v>
      </c>
      <c r="D19" s="334"/>
      <c r="E19" s="334"/>
      <c r="F19" s="334"/>
      <c r="G19" s="334"/>
      <c r="H19" s="334"/>
      <c r="I19" s="369"/>
      <c r="J19" s="384" t="s">
        <v>500</v>
      </c>
      <c r="K19" s="372">
        <f>入力してください!G36</f>
        <v>0</v>
      </c>
      <c r="L19" s="372"/>
      <c r="M19" s="385" t="str">
        <f>入力してください!I36</f>
        <v>左欄に疾患番号を入力してください</v>
      </c>
      <c r="N19" s="385"/>
      <c r="O19" s="385"/>
      <c r="P19" s="385"/>
      <c r="Q19" s="385"/>
      <c r="R19" s="385"/>
      <c r="S19" s="385"/>
      <c r="T19" s="385"/>
      <c r="U19" s="385"/>
      <c r="V19" s="385"/>
      <c r="W19" s="385"/>
      <c r="X19" s="385"/>
      <c r="Y19" s="385"/>
      <c r="Z19" s="385"/>
      <c r="AA19" s="385"/>
      <c r="AB19" s="385"/>
      <c r="AC19" s="385"/>
      <c r="AD19" s="385"/>
      <c r="AE19" s="385"/>
      <c r="AF19" s="385"/>
      <c r="AG19" s="385"/>
      <c r="AH19" s="385"/>
      <c r="AI19" s="385"/>
      <c r="AJ19" s="385"/>
      <c r="AK19" s="385"/>
      <c r="AL19" s="386"/>
      <c r="AM19" s="422"/>
      <c r="AN19" s="422"/>
      <c r="AO19" s="422" t="s">
        <v>152</v>
      </c>
      <c r="AP19" s="422"/>
      <c r="AQ19" s="223">
        <f>入力してください!Q78</f>
        <v>0</v>
      </c>
      <c r="AR19" s="296"/>
      <c r="AS19" s="296"/>
      <c r="AT19" s="296"/>
      <c r="AU19" s="296"/>
      <c r="AV19" s="296"/>
      <c r="AW19" s="296"/>
      <c r="AX19" s="296"/>
      <c r="AY19" s="296"/>
      <c r="AZ19" s="296"/>
      <c r="BA19" s="297"/>
      <c r="BB19" s="297"/>
      <c r="BC19" s="296"/>
      <c r="BD19" s="297"/>
      <c r="BE19" s="296"/>
      <c r="BF19" s="297"/>
      <c r="BG19" s="224"/>
      <c r="BH19" s="226"/>
      <c r="BI19" s="226"/>
      <c r="BJ19" s="298">
        <f>入力してください!AC78</f>
        <v>0</v>
      </c>
      <c r="BK19" s="281"/>
      <c r="BL19" s="281"/>
      <c r="BM19" s="281"/>
      <c r="BN19" s="281"/>
      <c r="BO19" s="281"/>
      <c r="BP19" s="281"/>
      <c r="BQ19" s="281"/>
      <c r="BR19" s="281"/>
      <c r="BS19" s="281"/>
      <c r="BT19" s="281"/>
      <c r="BU19" s="282"/>
      <c r="BV19" s="225"/>
      <c r="BW19" s="225"/>
      <c r="BX19" s="225"/>
    </row>
    <row r="20" spans="1:77" s="3" customFormat="1" ht="24.5" customHeight="1" x14ac:dyDescent="0.2">
      <c r="A20" s="676"/>
      <c r="B20" s="676"/>
      <c r="C20" s="334"/>
      <c r="D20" s="334"/>
      <c r="E20" s="334"/>
      <c r="F20" s="334"/>
      <c r="G20" s="334"/>
      <c r="H20" s="334"/>
      <c r="I20" s="369"/>
      <c r="J20" s="384" t="s">
        <v>501</v>
      </c>
      <c r="K20" s="372">
        <f>入力してください!G37</f>
        <v>0</v>
      </c>
      <c r="L20" s="372"/>
      <c r="M20" s="385" t="str">
        <f>入力してください!I37</f>
        <v>２つの疾病を申請する際は、こちらにも入力してください</v>
      </c>
      <c r="N20" s="385"/>
      <c r="O20" s="385"/>
      <c r="P20" s="385"/>
      <c r="Q20" s="385"/>
      <c r="R20" s="385"/>
      <c r="S20" s="385"/>
      <c r="T20" s="385"/>
      <c r="U20" s="385"/>
      <c r="V20" s="385"/>
      <c r="W20" s="385"/>
      <c r="X20" s="385"/>
      <c r="Y20" s="385"/>
      <c r="Z20" s="385"/>
      <c r="AA20" s="385"/>
      <c r="AB20" s="385"/>
      <c r="AC20" s="385"/>
      <c r="AD20" s="385"/>
      <c r="AE20" s="385"/>
      <c r="AF20" s="385"/>
      <c r="AG20" s="385"/>
      <c r="AH20" s="385"/>
      <c r="AI20" s="385"/>
      <c r="AJ20" s="385"/>
      <c r="AK20" s="385"/>
      <c r="AL20" s="386"/>
      <c r="AM20" s="422" t="s">
        <v>522</v>
      </c>
      <c r="AN20" s="422"/>
      <c r="AO20" s="257" t="s">
        <v>126</v>
      </c>
      <c r="AP20" s="257"/>
      <c r="AQ20" s="299">
        <f>入力してください!F79</f>
        <v>0</v>
      </c>
      <c r="AR20" s="297"/>
      <c r="AS20" s="297"/>
      <c r="AT20" s="297"/>
      <c r="AU20" s="297"/>
      <c r="AV20" s="297"/>
      <c r="AW20" s="297"/>
      <c r="AX20" s="297"/>
      <c r="AY20" s="297"/>
      <c r="AZ20" s="297"/>
      <c r="BA20" s="299">
        <f>入力してください!F80</f>
        <v>0</v>
      </c>
      <c r="BB20" s="297">
        <f>入力してください!H80</f>
        <v>0</v>
      </c>
      <c r="BC20" s="297" t="s">
        <v>129</v>
      </c>
      <c r="BD20" s="297">
        <f>入力してください!J80</f>
        <v>0</v>
      </c>
      <c r="BE20" s="297" t="s">
        <v>567</v>
      </c>
      <c r="BF20" s="297">
        <f>入力してください!L80</f>
        <v>0</v>
      </c>
      <c r="BG20" s="300" t="s">
        <v>572</v>
      </c>
      <c r="BH20" s="226">
        <f>入力してください!Q79</f>
        <v>0</v>
      </c>
      <c r="BI20" s="226"/>
      <c r="BJ20" s="226">
        <f>入力してください!AC79</f>
        <v>0</v>
      </c>
      <c r="BK20" s="226"/>
      <c r="BL20" s="226"/>
      <c r="BM20" s="226"/>
      <c r="BN20" s="226"/>
      <c r="BO20" s="226"/>
      <c r="BP20" s="226"/>
      <c r="BQ20" s="226"/>
      <c r="BR20" s="226"/>
      <c r="BS20" s="226"/>
      <c r="BT20" s="226"/>
      <c r="BU20" s="226"/>
      <c r="BV20" s="226">
        <f>入力してください!W79</f>
        <v>0</v>
      </c>
      <c r="BW20" s="226"/>
      <c r="BX20" s="226"/>
    </row>
    <row r="21" spans="1:77" s="3" customFormat="1" ht="24.5" customHeight="1" x14ac:dyDescent="0.2">
      <c r="A21" s="676"/>
      <c r="B21" s="676"/>
      <c r="C21" s="334"/>
      <c r="D21" s="334"/>
      <c r="E21" s="334"/>
      <c r="F21" s="334"/>
      <c r="G21" s="334"/>
      <c r="H21" s="334"/>
      <c r="I21" s="369"/>
      <c r="J21" s="384" t="s">
        <v>502</v>
      </c>
      <c r="K21" s="372">
        <f>入力してください!G38</f>
        <v>0</v>
      </c>
      <c r="L21" s="372"/>
      <c r="M21" s="385" t="str">
        <f>入力してください!I38</f>
        <v>３つの疾病を申請する際は、こちらにも入力してください</v>
      </c>
      <c r="N21" s="385"/>
      <c r="O21" s="385"/>
      <c r="P21" s="385"/>
      <c r="Q21" s="385"/>
      <c r="R21" s="385"/>
      <c r="S21" s="385"/>
      <c r="T21" s="385"/>
      <c r="U21" s="385"/>
      <c r="V21" s="385"/>
      <c r="W21" s="385"/>
      <c r="X21" s="385"/>
      <c r="Y21" s="385"/>
      <c r="Z21" s="385"/>
      <c r="AA21" s="385"/>
      <c r="AB21" s="385"/>
      <c r="AC21" s="385"/>
      <c r="AD21" s="385"/>
      <c r="AE21" s="385"/>
      <c r="AF21" s="385"/>
      <c r="AG21" s="385"/>
      <c r="AH21" s="385"/>
      <c r="AI21" s="385"/>
      <c r="AJ21" s="385"/>
      <c r="AK21" s="385"/>
      <c r="AL21" s="386"/>
      <c r="AM21" s="422"/>
      <c r="AN21" s="422"/>
      <c r="AO21" s="257"/>
      <c r="AP21" s="257"/>
      <c r="AQ21" s="301"/>
      <c r="AR21" s="302"/>
      <c r="AS21" s="302"/>
      <c r="AT21" s="302"/>
      <c r="AU21" s="302"/>
      <c r="AV21" s="302"/>
      <c r="AW21" s="302"/>
      <c r="AX21" s="302"/>
      <c r="AY21" s="302"/>
      <c r="AZ21" s="302"/>
      <c r="BA21" s="301"/>
      <c r="BB21" s="302"/>
      <c r="BC21" s="302"/>
      <c r="BD21" s="302"/>
      <c r="BE21" s="302"/>
      <c r="BF21" s="302"/>
      <c r="BG21" s="303"/>
      <c r="BH21" s="226"/>
      <c r="BI21" s="226"/>
      <c r="BJ21" s="226"/>
      <c r="BK21" s="226"/>
      <c r="BL21" s="226"/>
      <c r="BM21" s="226"/>
      <c r="BN21" s="226"/>
      <c r="BO21" s="226"/>
      <c r="BP21" s="226"/>
      <c r="BQ21" s="226"/>
      <c r="BR21" s="226"/>
      <c r="BS21" s="226"/>
      <c r="BT21" s="226"/>
      <c r="BU21" s="226"/>
      <c r="BV21" s="226"/>
      <c r="BW21" s="226"/>
      <c r="BX21" s="226"/>
      <c r="BY21" s="21"/>
    </row>
    <row r="22" spans="1:77" s="3" customFormat="1" ht="30" customHeight="1" x14ac:dyDescent="0.2">
      <c r="A22" s="676"/>
      <c r="B22" s="676"/>
      <c r="C22" s="677" t="s">
        <v>551</v>
      </c>
      <c r="D22" s="678"/>
      <c r="E22" s="678"/>
      <c r="F22" s="678"/>
      <c r="G22" s="678"/>
      <c r="H22" s="678"/>
      <c r="I22" s="425"/>
      <c r="J22" s="371">
        <f>入力してください!G39</f>
        <v>0</v>
      </c>
      <c r="K22" s="372"/>
      <c r="L22" s="372"/>
      <c r="M22" s="372"/>
      <c r="N22" s="372"/>
      <c r="O22" s="372"/>
      <c r="P22" s="372"/>
      <c r="Q22" s="372"/>
      <c r="R22" s="372"/>
      <c r="S22" s="372"/>
      <c r="T22" s="372"/>
      <c r="U22" s="372"/>
      <c r="V22" s="372"/>
      <c r="W22" s="372"/>
      <c r="X22" s="372"/>
      <c r="Y22" s="372"/>
      <c r="Z22" s="372"/>
      <c r="AA22" s="372"/>
      <c r="AB22" s="372"/>
      <c r="AC22" s="372"/>
      <c r="AD22" s="372"/>
      <c r="AE22" s="372"/>
      <c r="AF22" s="372"/>
      <c r="AG22" s="372"/>
      <c r="AH22" s="372"/>
      <c r="AI22" s="372"/>
      <c r="AJ22" s="372"/>
      <c r="AK22" s="372"/>
      <c r="AL22" s="373"/>
      <c r="AM22" s="422"/>
      <c r="AN22" s="422"/>
      <c r="AO22" s="422" t="s">
        <v>152</v>
      </c>
      <c r="AP22" s="422"/>
      <c r="AQ22" s="223">
        <f>入力してください!Q80</f>
        <v>0</v>
      </c>
      <c r="AR22" s="281"/>
      <c r="AS22" s="281"/>
      <c r="AT22" s="281"/>
      <c r="AU22" s="281"/>
      <c r="AV22" s="281"/>
      <c r="AW22" s="281"/>
      <c r="AX22" s="281"/>
      <c r="AY22" s="281"/>
      <c r="AZ22" s="281"/>
      <c r="BA22" s="281"/>
      <c r="BB22" s="281"/>
      <c r="BC22" s="281"/>
      <c r="BD22" s="281"/>
      <c r="BE22" s="281"/>
      <c r="BF22" s="281"/>
      <c r="BG22" s="282"/>
      <c r="BH22" s="226"/>
      <c r="BI22" s="226"/>
      <c r="BJ22" s="298">
        <f>入力してください!AC80</f>
        <v>0</v>
      </c>
      <c r="BK22" s="281"/>
      <c r="BL22" s="281"/>
      <c r="BM22" s="281"/>
      <c r="BN22" s="281"/>
      <c r="BO22" s="281"/>
      <c r="BP22" s="281"/>
      <c r="BQ22" s="281"/>
      <c r="BR22" s="281"/>
      <c r="BS22" s="281"/>
      <c r="BT22" s="281"/>
      <c r="BU22" s="282"/>
      <c r="BV22" s="226"/>
      <c r="BW22" s="226"/>
      <c r="BX22" s="226"/>
      <c r="BY22" s="21"/>
    </row>
    <row r="23" spans="1:77" s="3" customFormat="1" ht="24.5" customHeight="1" x14ac:dyDescent="0.2">
      <c r="A23" s="676"/>
      <c r="B23" s="676"/>
      <c r="C23" s="334" t="s">
        <v>552</v>
      </c>
      <c r="D23" s="334"/>
      <c r="E23" s="334"/>
      <c r="F23" s="334"/>
      <c r="G23" s="334"/>
      <c r="H23" s="334"/>
      <c r="I23" s="369"/>
      <c r="J23" s="329">
        <f>入力してください!G40</f>
        <v>0</v>
      </c>
      <c r="K23" s="254"/>
      <c r="L23" s="254"/>
      <c r="M23" s="254"/>
      <c r="N23" s="343" t="s">
        <v>129</v>
      </c>
      <c r="O23" s="254">
        <f>入力してください!K40</f>
        <v>0</v>
      </c>
      <c r="P23" s="254"/>
      <c r="Q23" s="343" t="s">
        <v>567</v>
      </c>
      <c r="R23" s="254">
        <f>入力してください!P40</f>
        <v>0</v>
      </c>
      <c r="S23" s="254"/>
      <c r="T23" s="343" t="s">
        <v>130</v>
      </c>
      <c r="U23" s="685" t="s">
        <v>504</v>
      </c>
      <c r="V23" s="686"/>
      <c r="W23" s="686"/>
      <c r="X23" s="686"/>
      <c r="Y23" s="686"/>
      <c r="Z23" s="686"/>
      <c r="AA23" s="686"/>
      <c r="AB23" s="686"/>
      <c r="AC23" s="686"/>
      <c r="AD23" s="686"/>
      <c r="AE23" s="686"/>
      <c r="AF23" s="686"/>
      <c r="AG23" s="686"/>
      <c r="AH23" s="686"/>
      <c r="AI23" s="686"/>
      <c r="AJ23" s="686"/>
      <c r="AK23" s="686"/>
      <c r="AL23" s="687"/>
      <c r="AM23" s="424" t="s">
        <v>526</v>
      </c>
      <c r="AN23" s="424"/>
      <c r="AO23" s="424"/>
      <c r="AP23" s="424"/>
      <c r="AQ23" s="424"/>
      <c r="AR23" s="424"/>
      <c r="AS23" s="424"/>
      <c r="AT23" s="424"/>
      <c r="AU23" s="424"/>
      <c r="AV23" s="424"/>
      <c r="AW23" s="424"/>
      <c r="AX23" s="424"/>
      <c r="AY23" s="424"/>
      <c r="AZ23" s="424"/>
      <c r="BA23" s="424"/>
      <c r="BB23" s="424"/>
      <c r="BC23" s="424"/>
      <c r="BD23" s="424"/>
      <c r="BE23" s="424"/>
      <c r="BF23" s="424"/>
      <c r="BG23" s="424"/>
      <c r="BH23" s="424"/>
      <c r="BI23" s="424"/>
      <c r="BJ23" s="424"/>
      <c r="BK23" s="424"/>
      <c r="BL23" s="424"/>
      <c r="BM23" s="424"/>
      <c r="BN23" s="424"/>
      <c r="BO23" s="424"/>
      <c r="BP23" s="424"/>
      <c r="BQ23" s="424"/>
      <c r="BR23" s="424"/>
      <c r="BS23" s="424"/>
      <c r="BT23" s="424"/>
      <c r="BU23" s="424"/>
      <c r="BV23" s="424"/>
      <c r="BW23" s="424"/>
      <c r="BX23" s="424"/>
      <c r="BY23" s="21"/>
    </row>
    <row r="24" spans="1:77" s="3" customFormat="1" ht="62" customHeight="1" x14ac:dyDescent="0.2">
      <c r="A24" s="676"/>
      <c r="B24" s="676"/>
      <c r="C24" s="387"/>
      <c r="D24" s="387"/>
      <c r="E24" s="387"/>
      <c r="F24" s="387"/>
      <c r="G24" s="387"/>
      <c r="H24" s="387"/>
      <c r="I24" s="348"/>
      <c r="J24" s="329"/>
      <c r="K24" s="254"/>
      <c r="L24" s="254"/>
      <c r="M24" s="254"/>
      <c r="N24" s="343"/>
      <c r="O24" s="254"/>
      <c r="P24" s="254"/>
      <c r="Q24" s="343"/>
      <c r="R24" s="388"/>
      <c r="S24" s="388"/>
      <c r="T24" s="343"/>
      <c r="U24" s="389" t="str">
        <f>IF(入力してください!G41="","",IF(入力してください!G41="その他",入力してください!G42,入力してください!G41))</f>
        <v/>
      </c>
      <c r="V24" s="390"/>
      <c r="W24" s="390"/>
      <c r="X24" s="390"/>
      <c r="Y24" s="390"/>
      <c r="Z24" s="390"/>
      <c r="AA24" s="390"/>
      <c r="AB24" s="390"/>
      <c r="AC24" s="390"/>
      <c r="AD24" s="390"/>
      <c r="AE24" s="390"/>
      <c r="AF24" s="390"/>
      <c r="AG24" s="390"/>
      <c r="AH24" s="390"/>
      <c r="AI24" s="390"/>
      <c r="AJ24" s="390"/>
      <c r="AK24" s="390"/>
      <c r="AL24" s="391"/>
      <c r="AM24" s="267">
        <f>入力してください!AC86</f>
        <v>0</v>
      </c>
      <c r="AN24" s="267"/>
      <c r="AO24" s="267"/>
      <c r="AP24" s="280" t="s">
        <v>525</v>
      </c>
      <c r="AQ24" s="280"/>
      <c r="AR24" s="280"/>
      <c r="AS24" s="280"/>
      <c r="AT24" s="280"/>
      <c r="AU24" s="280"/>
      <c r="AV24" s="280"/>
      <c r="AW24" s="280"/>
      <c r="AX24" s="280"/>
      <c r="AY24" s="280"/>
      <c r="AZ24" s="280"/>
      <c r="BA24" s="280"/>
      <c r="BB24" s="280"/>
      <c r="BC24" s="280"/>
      <c r="BD24" s="280"/>
      <c r="BE24" s="280"/>
      <c r="BF24" s="280"/>
      <c r="BG24" s="280"/>
      <c r="BH24" s="280"/>
      <c r="BI24" s="280"/>
      <c r="BJ24" s="280"/>
      <c r="BK24" s="280"/>
      <c r="BL24" s="280"/>
      <c r="BM24" s="280"/>
      <c r="BN24" s="280"/>
      <c r="BO24" s="280"/>
      <c r="BP24" s="280"/>
      <c r="BQ24" s="280"/>
      <c r="BR24" s="280"/>
      <c r="BS24" s="280"/>
      <c r="BT24" s="280"/>
      <c r="BU24" s="280"/>
      <c r="BV24" s="280"/>
      <c r="BW24" s="280"/>
      <c r="BX24" s="280"/>
      <c r="BY24" s="8"/>
    </row>
    <row r="25" spans="1:77" s="3" customFormat="1" ht="24.5" customHeight="1" x14ac:dyDescent="0.2">
      <c r="A25" s="676" t="s">
        <v>505</v>
      </c>
      <c r="B25" s="676"/>
      <c r="C25" s="408" t="s">
        <v>506</v>
      </c>
      <c r="D25" s="408"/>
      <c r="E25" s="408"/>
      <c r="F25" s="408"/>
      <c r="G25" s="408"/>
      <c r="H25" s="408"/>
      <c r="I25" s="408"/>
      <c r="J25" s="408"/>
      <c r="K25" s="408"/>
      <c r="L25" s="408"/>
      <c r="M25" s="408"/>
      <c r="N25" s="408"/>
      <c r="O25" s="408"/>
      <c r="P25" s="408"/>
      <c r="Q25" s="408"/>
      <c r="R25" s="408"/>
      <c r="S25" s="408"/>
      <c r="T25" s="408"/>
      <c r="U25" s="408"/>
      <c r="V25" s="408"/>
      <c r="W25" s="408"/>
      <c r="X25" s="408"/>
      <c r="Y25" s="408"/>
      <c r="Z25" s="408"/>
      <c r="AA25" s="408"/>
      <c r="AB25" s="408"/>
      <c r="AC25" s="408"/>
      <c r="AD25" s="408"/>
      <c r="AE25" s="408"/>
      <c r="AF25" s="408"/>
      <c r="AG25" s="408"/>
      <c r="AH25" s="408"/>
      <c r="AI25" s="408"/>
      <c r="AJ25" s="408"/>
      <c r="AK25" s="408"/>
      <c r="AL25" s="408"/>
      <c r="AM25" s="255" t="s">
        <v>573</v>
      </c>
      <c r="AN25" s="255"/>
      <c r="AO25" s="255"/>
      <c r="AP25" s="255"/>
      <c r="AQ25" s="255"/>
      <c r="AR25" s="255"/>
      <c r="AS25" s="255"/>
      <c r="AT25" s="255"/>
      <c r="AU25" s="255"/>
      <c r="AV25" s="255"/>
      <c r="AW25" s="255"/>
      <c r="AX25" s="255"/>
      <c r="AY25" s="255"/>
      <c r="AZ25" s="255"/>
      <c r="BA25" s="255"/>
      <c r="BB25" s="255"/>
      <c r="BC25" s="255"/>
      <c r="BD25" s="255"/>
      <c r="BE25" s="255"/>
      <c r="BF25" s="255"/>
      <c r="BG25" s="255"/>
      <c r="BH25" s="255"/>
      <c r="BI25" s="255"/>
      <c r="BJ25" s="255"/>
      <c r="BK25" s="255"/>
      <c r="BL25" s="255"/>
      <c r="BM25" s="255"/>
      <c r="BN25" s="255"/>
      <c r="BO25" s="255"/>
      <c r="BP25" s="255"/>
      <c r="BQ25" s="255"/>
      <c r="BR25" s="255"/>
      <c r="BS25" s="255"/>
      <c r="BT25" s="255"/>
      <c r="BU25" s="255"/>
      <c r="BV25" s="255"/>
      <c r="BW25" s="255"/>
      <c r="BX25" s="255"/>
      <c r="BY25" s="8"/>
    </row>
    <row r="26" spans="1:77" s="3" customFormat="1" ht="24.5" customHeight="1" x14ac:dyDescent="0.2">
      <c r="A26" s="676"/>
      <c r="B26" s="676"/>
      <c r="C26" s="370" t="s">
        <v>126</v>
      </c>
      <c r="D26" s="334"/>
      <c r="E26" s="334"/>
      <c r="F26" s="334"/>
      <c r="G26" s="334"/>
      <c r="H26" s="400">
        <f>入力してください!G45</f>
        <v>0</v>
      </c>
      <c r="I26" s="401"/>
      <c r="J26" s="401"/>
      <c r="K26" s="401"/>
      <c r="L26" s="401"/>
      <c r="M26" s="401"/>
      <c r="N26" s="401"/>
      <c r="O26" s="401"/>
      <c r="P26" s="401"/>
      <c r="Q26" s="402"/>
      <c r="R26" s="688" t="s">
        <v>571</v>
      </c>
      <c r="S26" s="283">
        <f>入力してください!G46</f>
        <v>0</v>
      </c>
      <c r="T26" s="330"/>
      <c r="U26" s="333" t="s">
        <v>507</v>
      </c>
      <c r="V26" s="333"/>
      <c r="W26" s="333"/>
      <c r="X26" s="333"/>
      <c r="Y26" s="333"/>
      <c r="Z26" s="392">
        <f>入力してください!G49</f>
        <v>0</v>
      </c>
      <c r="AA26" s="393"/>
      <c r="AB26" s="393"/>
      <c r="AC26" s="393"/>
      <c r="AD26" s="393"/>
      <c r="AE26" s="393"/>
      <c r="AF26" s="393"/>
      <c r="AG26" s="393"/>
      <c r="AH26" s="393"/>
      <c r="AI26" s="393"/>
      <c r="AJ26" s="393"/>
      <c r="AK26" s="393"/>
      <c r="AL26" s="393"/>
      <c r="AM26" s="255" t="s">
        <v>524</v>
      </c>
      <c r="AN26" s="255"/>
      <c r="AO26" s="255"/>
      <c r="AP26" s="255"/>
      <c r="AQ26" s="255"/>
      <c r="AR26" s="255"/>
      <c r="AS26" s="255"/>
      <c r="AT26" s="255"/>
      <c r="AU26" s="255"/>
      <c r="AV26" s="255"/>
      <c r="AW26" s="255"/>
      <c r="AX26" s="255"/>
      <c r="AY26" s="255"/>
      <c r="AZ26" s="255"/>
      <c r="BA26" s="255"/>
      <c r="BB26" s="255"/>
      <c r="BC26" s="255"/>
      <c r="BD26" s="255"/>
      <c r="BE26" s="255"/>
      <c r="BF26" s="255"/>
      <c r="BG26" s="255"/>
      <c r="BH26" s="255"/>
      <c r="BI26" s="255"/>
      <c r="BJ26" s="255"/>
      <c r="BK26" s="255"/>
      <c r="BL26" s="255"/>
      <c r="BM26" s="255"/>
      <c r="BN26" s="255"/>
      <c r="BO26" s="255"/>
      <c r="BP26" s="255"/>
      <c r="BQ26" s="255"/>
      <c r="BR26" s="255"/>
      <c r="BS26" s="255"/>
      <c r="BT26" s="255"/>
      <c r="BU26" s="255"/>
      <c r="BV26" s="255"/>
      <c r="BW26" s="255"/>
      <c r="BX26" s="255"/>
    </row>
    <row r="27" spans="1:77" s="3" customFormat="1" ht="24.5" customHeight="1" x14ac:dyDescent="0.2">
      <c r="A27" s="676"/>
      <c r="B27" s="676"/>
      <c r="C27" s="334" t="s">
        <v>508</v>
      </c>
      <c r="D27" s="334"/>
      <c r="E27" s="334"/>
      <c r="F27" s="334"/>
      <c r="G27" s="369"/>
      <c r="H27" s="394" t="s">
        <v>131</v>
      </c>
      <c r="I27" s="395">
        <f>入力してください!G47</f>
        <v>0</v>
      </c>
      <c r="J27" s="396"/>
      <c r="K27" s="396"/>
      <c r="L27" s="396"/>
      <c r="M27" s="396"/>
      <c r="N27" s="396"/>
      <c r="O27" s="396"/>
      <c r="P27" s="396"/>
      <c r="Q27" s="396"/>
      <c r="R27" s="396"/>
      <c r="S27" s="396"/>
      <c r="T27" s="396"/>
      <c r="U27" s="396"/>
      <c r="V27" s="396"/>
      <c r="W27" s="396"/>
      <c r="X27" s="396"/>
      <c r="Y27" s="396"/>
      <c r="Z27" s="396"/>
      <c r="AA27" s="396"/>
      <c r="AB27" s="396"/>
      <c r="AC27" s="396"/>
      <c r="AD27" s="396"/>
      <c r="AE27" s="396"/>
      <c r="AF27" s="396"/>
      <c r="AG27" s="396"/>
      <c r="AH27" s="396"/>
      <c r="AI27" s="396"/>
      <c r="AJ27" s="396"/>
      <c r="AK27" s="396"/>
      <c r="AL27" s="397"/>
      <c r="AM27" s="420" t="s">
        <v>553</v>
      </c>
      <c r="AN27" s="420"/>
      <c r="AO27" s="420"/>
      <c r="AP27" s="420"/>
      <c r="AQ27" s="420"/>
      <c r="AR27" s="420"/>
      <c r="AS27" s="420"/>
      <c r="AT27" s="420"/>
      <c r="AU27" s="420"/>
      <c r="AV27" s="420"/>
      <c r="AW27" s="420"/>
      <c r="AX27" s="420"/>
      <c r="AY27" s="420"/>
      <c r="AZ27" s="420"/>
      <c r="BA27" s="420"/>
      <c r="BB27" s="420"/>
      <c r="BC27" s="420"/>
      <c r="BD27" s="420"/>
      <c r="BE27" s="420"/>
      <c r="BF27" s="420"/>
      <c r="BG27" s="420"/>
      <c r="BH27" s="420"/>
      <c r="BI27" s="420"/>
      <c r="BJ27" s="420"/>
      <c r="BK27" s="420"/>
      <c r="BL27" s="420"/>
      <c r="BM27" s="420"/>
      <c r="BN27" s="420"/>
      <c r="BO27" s="420"/>
      <c r="BP27" s="420"/>
      <c r="BQ27" s="420"/>
      <c r="BR27" s="420"/>
      <c r="BS27" s="420"/>
      <c r="BT27" s="227" t="s">
        <v>523</v>
      </c>
      <c r="BU27" s="228"/>
      <c r="BV27" s="228"/>
      <c r="BW27" s="228"/>
      <c r="BX27" s="229"/>
    </row>
    <row r="28" spans="1:77" s="3" customFormat="1" ht="35" customHeight="1" x14ac:dyDescent="0.2">
      <c r="A28" s="676"/>
      <c r="B28" s="676"/>
      <c r="C28" s="387"/>
      <c r="D28" s="387"/>
      <c r="E28" s="387"/>
      <c r="F28" s="387"/>
      <c r="G28" s="348"/>
      <c r="H28" s="398">
        <f>入力してください!G48</f>
        <v>0</v>
      </c>
      <c r="I28" s="399"/>
      <c r="J28" s="399"/>
      <c r="K28" s="399"/>
      <c r="L28" s="399"/>
      <c r="M28" s="399"/>
      <c r="N28" s="399"/>
      <c r="O28" s="399"/>
      <c r="P28" s="399"/>
      <c r="Q28" s="399"/>
      <c r="R28" s="399"/>
      <c r="S28" s="399"/>
      <c r="T28" s="399"/>
      <c r="U28" s="399"/>
      <c r="V28" s="399"/>
      <c r="W28" s="399"/>
      <c r="X28" s="399"/>
      <c r="Y28" s="399"/>
      <c r="Z28" s="399"/>
      <c r="AA28" s="399"/>
      <c r="AB28" s="399"/>
      <c r="AC28" s="399"/>
      <c r="AD28" s="399"/>
      <c r="AE28" s="399"/>
      <c r="AF28" s="399"/>
      <c r="AG28" s="399"/>
      <c r="AH28" s="399"/>
      <c r="AI28" s="399"/>
      <c r="AJ28" s="399"/>
      <c r="AK28" s="399"/>
      <c r="AL28" s="399"/>
      <c r="AM28" s="420" t="s">
        <v>555</v>
      </c>
      <c r="AN28" s="420"/>
      <c r="AO28" s="420"/>
      <c r="AP28" s="420"/>
      <c r="AQ28" s="420"/>
      <c r="AR28" s="420"/>
      <c r="AS28" s="420"/>
      <c r="AT28" s="420"/>
      <c r="AU28" s="420"/>
      <c r="AV28" s="420"/>
      <c r="AW28" s="420"/>
      <c r="AX28" s="420"/>
      <c r="AY28" s="420"/>
      <c r="AZ28" s="420"/>
      <c r="BA28" s="420"/>
      <c r="BB28" s="420"/>
      <c r="BC28" s="420"/>
      <c r="BD28" s="420"/>
      <c r="BE28" s="420"/>
      <c r="BF28" s="420"/>
      <c r="BG28" s="420"/>
      <c r="BH28" s="420"/>
      <c r="BI28" s="420"/>
      <c r="BJ28" s="420"/>
      <c r="BK28" s="420"/>
      <c r="BL28" s="420"/>
      <c r="BM28" s="420"/>
      <c r="BN28" s="420"/>
      <c r="BO28" s="420"/>
      <c r="BP28" s="420"/>
      <c r="BQ28" s="420"/>
      <c r="BR28" s="420"/>
      <c r="BS28" s="420"/>
      <c r="BT28" s="230"/>
      <c r="BU28" s="231"/>
      <c r="BV28" s="231"/>
      <c r="BW28" s="231"/>
      <c r="BX28" s="232"/>
    </row>
    <row r="29" spans="1:77" s="3" customFormat="1" ht="24.5" customHeight="1" x14ac:dyDescent="0.2">
      <c r="A29" s="676" t="s">
        <v>509</v>
      </c>
      <c r="B29" s="676"/>
      <c r="C29" s="334" t="s">
        <v>510</v>
      </c>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4"/>
      <c r="AE29" s="334"/>
      <c r="AF29" s="334"/>
      <c r="AG29" s="334"/>
      <c r="AH29" s="334"/>
      <c r="AI29" s="334"/>
      <c r="AJ29" s="334"/>
      <c r="AK29" s="334"/>
      <c r="AL29" s="334"/>
      <c r="AM29" s="426" t="s">
        <v>556</v>
      </c>
      <c r="AN29" s="427"/>
      <c r="AO29" s="427"/>
      <c r="AP29" s="427"/>
      <c r="AQ29" s="427"/>
      <c r="AR29" s="427"/>
      <c r="AS29" s="427"/>
      <c r="AT29" s="427"/>
      <c r="AU29" s="427"/>
      <c r="AV29" s="427"/>
      <c r="AW29" s="427"/>
      <c r="AX29" s="427"/>
      <c r="AY29" s="427"/>
      <c r="AZ29" s="427"/>
      <c r="BA29" s="427"/>
      <c r="BB29" s="427"/>
      <c r="BC29" s="427"/>
      <c r="BD29" s="427"/>
      <c r="BE29" s="427"/>
      <c r="BF29" s="427"/>
      <c r="BG29" s="427"/>
      <c r="BH29" s="427"/>
      <c r="BI29" s="427"/>
      <c r="BJ29" s="427"/>
      <c r="BK29" s="427"/>
      <c r="BL29" s="427"/>
      <c r="BM29" s="427"/>
      <c r="BN29" s="427"/>
      <c r="BO29" s="427"/>
      <c r="BP29" s="427"/>
      <c r="BQ29" s="427"/>
      <c r="BR29" s="427"/>
      <c r="BS29" s="428"/>
      <c r="BT29" s="230"/>
      <c r="BU29" s="231"/>
      <c r="BV29" s="231"/>
      <c r="BW29" s="231"/>
      <c r="BX29" s="232"/>
    </row>
    <row r="30" spans="1:77" s="3" customFormat="1" ht="24.5" customHeight="1" x14ac:dyDescent="0.2">
      <c r="A30" s="676"/>
      <c r="B30" s="676"/>
      <c r="C30" s="267">
        <f>入力してください!G54</f>
        <v>0</v>
      </c>
      <c r="D30" s="267"/>
      <c r="E30" s="267"/>
      <c r="F30" s="334" t="s">
        <v>514</v>
      </c>
      <c r="G30" s="334"/>
      <c r="H30" s="334"/>
      <c r="I30" s="334"/>
      <c r="J30" s="334"/>
      <c r="K30" s="334"/>
      <c r="L30" s="334"/>
      <c r="M30" s="334"/>
      <c r="N30" s="334"/>
      <c r="O30" s="334"/>
      <c r="P30" s="334"/>
      <c r="Q30" s="334"/>
      <c r="R30" s="334"/>
      <c r="S30" s="334"/>
      <c r="T30" s="334"/>
      <c r="U30" s="267">
        <f>入力してください!G56</f>
        <v>0</v>
      </c>
      <c r="V30" s="267"/>
      <c r="W30" s="267"/>
      <c r="X30" s="334" t="s">
        <v>512</v>
      </c>
      <c r="Y30" s="334"/>
      <c r="Z30" s="334"/>
      <c r="AA30" s="334"/>
      <c r="AB30" s="334"/>
      <c r="AC30" s="334"/>
      <c r="AD30" s="334"/>
      <c r="AE30" s="334"/>
      <c r="AF30" s="334"/>
      <c r="AG30" s="334"/>
      <c r="AH30" s="334"/>
      <c r="AI30" s="334"/>
      <c r="AJ30" s="334"/>
      <c r="AK30" s="334"/>
      <c r="AL30" s="334"/>
      <c r="AM30" s="429"/>
      <c r="AN30" s="430"/>
      <c r="AO30" s="430"/>
      <c r="AP30" s="430"/>
      <c r="AQ30" s="430"/>
      <c r="AR30" s="430"/>
      <c r="AS30" s="430"/>
      <c r="AT30" s="430"/>
      <c r="AU30" s="430"/>
      <c r="AV30" s="430"/>
      <c r="AW30" s="430"/>
      <c r="AX30" s="430"/>
      <c r="AY30" s="430"/>
      <c r="AZ30" s="430"/>
      <c r="BA30" s="430"/>
      <c r="BB30" s="430"/>
      <c r="BC30" s="430"/>
      <c r="BD30" s="430"/>
      <c r="BE30" s="430"/>
      <c r="BF30" s="430"/>
      <c r="BG30" s="430"/>
      <c r="BH30" s="430"/>
      <c r="BI30" s="430"/>
      <c r="BJ30" s="430"/>
      <c r="BK30" s="430"/>
      <c r="BL30" s="430"/>
      <c r="BM30" s="430"/>
      <c r="BN30" s="430"/>
      <c r="BO30" s="430"/>
      <c r="BP30" s="430"/>
      <c r="BQ30" s="430"/>
      <c r="BR30" s="430"/>
      <c r="BS30" s="431"/>
      <c r="BT30" s="233"/>
      <c r="BU30" s="234"/>
      <c r="BV30" s="234"/>
      <c r="BW30" s="234"/>
      <c r="BX30" s="235"/>
    </row>
    <row r="31" spans="1:77" s="3" customFormat="1" ht="24.5" customHeight="1" x14ac:dyDescent="0.2">
      <c r="A31" s="676"/>
      <c r="B31" s="676"/>
      <c r="C31" s="267">
        <f>入力してください!G55</f>
        <v>0</v>
      </c>
      <c r="D31" s="267"/>
      <c r="E31" s="267"/>
      <c r="F31" s="334" t="s">
        <v>515</v>
      </c>
      <c r="G31" s="334"/>
      <c r="H31" s="334"/>
      <c r="I31" s="334"/>
      <c r="J31" s="334"/>
      <c r="K31" s="334"/>
      <c r="L31" s="334"/>
      <c r="M31" s="334"/>
      <c r="N31" s="334"/>
      <c r="O31" s="334"/>
      <c r="P31" s="334"/>
      <c r="Q31" s="334"/>
      <c r="R31" s="334"/>
      <c r="S31" s="334"/>
      <c r="T31" s="334"/>
      <c r="U31" s="267">
        <f>入力してください!G57</f>
        <v>0</v>
      </c>
      <c r="V31" s="267"/>
      <c r="W31" s="267"/>
      <c r="X31" s="405" t="s">
        <v>513</v>
      </c>
      <c r="Y31" s="406"/>
      <c r="Z31" s="406"/>
      <c r="AA31" s="406"/>
      <c r="AB31" s="406"/>
      <c r="AC31" s="406"/>
      <c r="AD31" s="406"/>
      <c r="AE31" s="406"/>
      <c r="AF31" s="406"/>
      <c r="AG31" s="406"/>
      <c r="AH31" s="406"/>
      <c r="AI31" s="406"/>
      <c r="AJ31" s="406"/>
      <c r="AK31" s="406"/>
      <c r="AL31" s="407"/>
      <c r="AM31" s="426" t="s">
        <v>557</v>
      </c>
      <c r="AN31" s="427"/>
      <c r="AO31" s="427"/>
      <c r="AP31" s="427"/>
      <c r="AQ31" s="427"/>
      <c r="AR31" s="427"/>
      <c r="AS31" s="427"/>
      <c r="AT31" s="427"/>
      <c r="AU31" s="427"/>
      <c r="AV31" s="427"/>
      <c r="AW31" s="427"/>
      <c r="AX31" s="427"/>
      <c r="AY31" s="427"/>
      <c r="AZ31" s="427"/>
      <c r="BA31" s="427"/>
      <c r="BB31" s="427"/>
      <c r="BC31" s="427"/>
      <c r="BD31" s="427"/>
      <c r="BE31" s="427"/>
      <c r="BF31" s="427"/>
      <c r="BG31" s="427"/>
      <c r="BH31" s="427"/>
      <c r="BI31" s="427"/>
      <c r="BJ31" s="427"/>
      <c r="BK31" s="427"/>
      <c r="BL31" s="427"/>
      <c r="BM31" s="427"/>
      <c r="BN31" s="427"/>
      <c r="BO31" s="427"/>
      <c r="BP31" s="427"/>
      <c r="BQ31" s="427"/>
      <c r="BR31" s="427"/>
      <c r="BS31" s="428"/>
      <c r="BT31" s="304">
        <f>入力してください!AC93</f>
        <v>0</v>
      </c>
      <c r="BU31" s="305"/>
      <c r="BV31" s="305"/>
      <c r="BW31" s="305"/>
      <c r="BX31" s="306"/>
    </row>
    <row r="32" spans="1:77" s="3" customFormat="1" ht="24.5" customHeight="1" x14ac:dyDescent="0.2">
      <c r="A32" s="676"/>
      <c r="B32" s="676"/>
      <c r="C32" s="334" t="s">
        <v>511</v>
      </c>
      <c r="D32" s="334"/>
      <c r="E32" s="334"/>
      <c r="F32" s="334"/>
      <c r="G32" s="334"/>
      <c r="H32" s="334"/>
      <c r="I32" s="334"/>
      <c r="J32" s="334"/>
      <c r="K32" s="334"/>
      <c r="L32" s="334"/>
      <c r="M32" s="334"/>
      <c r="N32" s="334"/>
      <c r="O32" s="334"/>
      <c r="P32" s="334"/>
      <c r="Q32" s="334"/>
      <c r="R32" s="334"/>
      <c r="S32" s="334"/>
      <c r="T32" s="334"/>
      <c r="U32" s="334"/>
      <c r="V32" s="334"/>
      <c r="W32" s="334"/>
      <c r="X32" s="334"/>
      <c r="Y32" s="334"/>
      <c r="Z32" s="334"/>
      <c r="AA32" s="334"/>
      <c r="AB32" s="334"/>
      <c r="AC32" s="334"/>
      <c r="AD32" s="334"/>
      <c r="AE32" s="334"/>
      <c r="AF32" s="334"/>
      <c r="AG32" s="334"/>
      <c r="AH32" s="334"/>
      <c r="AI32" s="334"/>
      <c r="AJ32" s="334"/>
      <c r="AK32" s="334"/>
      <c r="AL32" s="334"/>
      <c r="AM32" s="429"/>
      <c r="AN32" s="430"/>
      <c r="AO32" s="430"/>
      <c r="AP32" s="430"/>
      <c r="AQ32" s="430"/>
      <c r="AR32" s="430"/>
      <c r="AS32" s="430"/>
      <c r="AT32" s="430"/>
      <c r="AU32" s="430"/>
      <c r="AV32" s="430"/>
      <c r="AW32" s="430"/>
      <c r="AX32" s="430"/>
      <c r="AY32" s="430"/>
      <c r="AZ32" s="430"/>
      <c r="BA32" s="430"/>
      <c r="BB32" s="430"/>
      <c r="BC32" s="430"/>
      <c r="BD32" s="430"/>
      <c r="BE32" s="430"/>
      <c r="BF32" s="430"/>
      <c r="BG32" s="430"/>
      <c r="BH32" s="430"/>
      <c r="BI32" s="430"/>
      <c r="BJ32" s="430"/>
      <c r="BK32" s="430"/>
      <c r="BL32" s="430"/>
      <c r="BM32" s="430"/>
      <c r="BN32" s="430"/>
      <c r="BO32" s="430"/>
      <c r="BP32" s="430"/>
      <c r="BQ32" s="430"/>
      <c r="BR32" s="430"/>
      <c r="BS32" s="431"/>
      <c r="BT32" s="307"/>
      <c r="BU32" s="308"/>
      <c r="BV32" s="308"/>
      <c r="BW32" s="308"/>
      <c r="BX32" s="309"/>
    </row>
    <row r="33" spans="1:77" s="3" customFormat="1" ht="24.5" customHeight="1" x14ac:dyDescent="0.2">
      <c r="A33" s="676"/>
      <c r="B33" s="676"/>
      <c r="C33" s="333" t="s">
        <v>516</v>
      </c>
      <c r="D33" s="333"/>
      <c r="E33" s="333"/>
      <c r="F33" s="286" t="str">
        <f>IF(入力してください!R61="","",IF(入力してください!R61="その他の給付金等",入力してください!R62,入力してください!R61))</f>
        <v/>
      </c>
      <c r="G33" s="286"/>
      <c r="H33" s="286"/>
      <c r="I33" s="286"/>
      <c r="J33" s="286"/>
      <c r="K33" s="286"/>
      <c r="L33" s="286"/>
      <c r="M33" s="286"/>
      <c r="N33" s="286"/>
      <c r="O33" s="286"/>
      <c r="P33" s="286"/>
      <c r="Q33" s="286"/>
      <c r="R33" s="286"/>
      <c r="S33" s="286"/>
      <c r="T33" s="286"/>
      <c r="U33" s="333" t="s">
        <v>517</v>
      </c>
      <c r="V33" s="333"/>
      <c r="W33" s="333"/>
      <c r="X33" s="286">
        <f>入力してください!R63</f>
        <v>0</v>
      </c>
      <c r="Y33" s="286"/>
      <c r="Z33" s="286"/>
      <c r="AA33" s="286"/>
      <c r="AB33" s="286"/>
      <c r="AC33" s="286"/>
      <c r="AD33" s="286"/>
      <c r="AE33" s="286"/>
      <c r="AF33" s="286"/>
      <c r="AG33" s="286"/>
      <c r="AH33" s="286"/>
      <c r="AI33" s="286"/>
      <c r="AJ33" s="286"/>
      <c r="AK33" s="286"/>
      <c r="AL33" s="286"/>
      <c r="AM33" s="420" t="s">
        <v>554</v>
      </c>
      <c r="AN33" s="420"/>
      <c r="AO33" s="420"/>
      <c r="AP33" s="420"/>
      <c r="AQ33" s="420"/>
      <c r="AR33" s="420"/>
      <c r="AS33" s="420"/>
      <c r="AT33" s="420"/>
      <c r="AU33" s="420"/>
      <c r="AV33" s="420"/>
      <c r="AW33" s="420"/>
      <c r="AX33" s="420"/>
      <c r="AY33" s="420"/>
      <c r="AZ33" s="420"/>
      <c r="BA33" s="420"/>
      <c r="BB33" s="420"/>
      <c r="BC33" s="420"/>
      <c r="BD33" s="420"/>
      <c r="BE33" s="420"/>
      <c r="BF33" s="420"/>
      <c r="BG33" s="420"/>
      <c r="BH33" s="420"/>
      <c r="BI33" s="420"/>
      <c r="BJ33" s="420"/>
      <c r="BK33" s="420"/>
      <c r="BL33" s="420"/>
      <c r="BM33" s="420"/>
      <c r="BN33" s="420"/>
      <c r="BO33" s="420"/>
      <c r="BP33" s="420"/>
      <c r="BQ33" s="420"/>
      <c r="BR33" s="420"/>
      <c r="BS33" s="420"/>
      <c r="BT33" s="331">
        <f>入力してください!AC94</f>
        <v>0</v>
      </c>
      <c r="BU33" s="331"/>
      <c r="BV33" s="331"/>
      <c r="BW33" s="331"/>
      <c r="BX33" s="331"/>
    </row>
    <row r="34" spans="1:77" s="3" customFormat="1" ht="23" customHeight="1" x14ac:dyDescent="0.2">
      <c r="A34" s="676"/>
      <c r="B34" s="676"/>
      <c r="C34" s="408" t="s">
        <v>587</v>
      </c>
      <c r="D34" s="408"/>
      <c r="E34" s="408"/>
      <c r="F34" s="286">
        <f>入力してください!R64</f>
        <v>0</v>
      </c>
      <c r="G34" s="286"/>
      <c r="H34" s="286"/>
      <c r="I34" s="286"/>
      <c r="J34" s="286"/>
      <c r="K34" s="286"/>
      <c r="L34" s="286"/>
      <c r="M34" s="286"/>
      <c r="N34" s="286"/>
      <c r="O34" s="286"/>
      <c r="P34" s="286"/>
      <c r="Q34" s="286"/>
      <c r="R34" s="286"/>
      <c r="S34" s="286"/>
      <c r="T34" s="286"/>
      <c r="U34" s="286"/>
      <c r="V34" s="286"/>
      <c r="W34" s="286"/>
      <c r="X34" s="286"/>
      <c r="Y34" s="286"/>
      <c r="Z34" s="286"/>
      <c r="AA34" s="286"/>
      <c r="AB34" s="286"/>
      <c r="AC34" s="286"/>
      <c r="AD34" s="286"/>
      <c r="AE34" s="286"/>
      <c r="AF34" s="286"/>
      <c r="AG34" s="286"/>
      <c r="AH34" s="286"/>
      <c r="AI34" s="286"/>
      <c r="AJ34" s="286"/>
      <c r="AK34" s="286"/>
      <c r="AL34" s="286"/>
      <c r="AM34" s="420" t="s">
        <v>558</v>
      </c>
      <c r="AN34" s="420"/>
      <c r="AO34" s="420"/>
      <c r="AP34" s="420"/>
      <c r="AQ34" s="420"/>
      <c r="AR34" s="420"/>
      <c r="AS34" s="420"/>
      <c r="AT34" s="420"/>
      <c r="AU34" s="420"/>
      <c r="AV34" s="420"/>
      <c r="AW34" s="420"/>
      <c r="AX34" s="420"/>
      <c r="AY34" s="420"/>
      <c r="AZ34" s="420"/>
      <c r="BA34" s="420"/>
      <c r="BB34" s="420"/>
      <c r="BC34" s="420"/>
      <c r="BD34" s="420"/>
      <c r="BE34" s="420"/>
      <c r="BF34" s="420"/>
      <c r="BG34" s="420"/>
      <c r="BH34" s="420"/>
      <c r="BI34" s="420"/>
      <c r="BJ34" s="420"/>
      <c r="BK34" s="420"/>
      <c r="BL34" s="420"/>
      <c r="BM34" s="420"/>
      <c r="BN34" s="420"/>
      <c r="BO34" s="420"/>
      <c r="BP34" s="420"/>
      <c r="BQ34" s="420"/>
      <c r="BR34" s="420"/>
      <c r="BS34" s="420"/>
      <c r="BT34" s="332">
        <f>入力してください!AC95</f>
        <v>0</v>
      </c>
      <c r="BU34" s="332"/>
      <c r="BV34" s="332"/>
      <c r="BW34" s="332"/>
      <c r="BX34" s="332"/>
    </row>
    <row r="35" spans="1:77" s="3" customFormat="1" ht="24.5" customHeight="1" x14ac:dyDescent="0.2">
      <c r="A35" s="226"/>
      <c r="B35" s="226"/>
      <c r="C35" s="226"/>
      <c r="D35" s="226"/>
      <c r="E35" s="226"/>
      <c r="F35" s="226"/>
      <c r="G35" s="226"/>
      <c r="H35" s="226"/>
      <c r="I35" s="226"/>
      <c r="J35" s="226"/>
      <c r="K35" s="226"/>
      <c r="L35" s="409" t="s">
        <v>550</v>
      </c>
      <c r="M35" s="225"/>
      <c r="N35" s="225"/>
      <c r="O35" s="225"/>
      <c r="P35" s="225"/>
      <c r="Q35" s="225"/>
      <c r="R35" s="225"/>
      <c r="S35" s="225"/>
      <c r="T35" s="225"/>
      <c r="U35" s="410" t="s">
        <v>549</v>
      </c>
      <c r="V35" s="225"/>
      <c r="W35" s="225"/>
      <c r="X35" s="225"/>
      <c r="Y35" s="225"/>
      <c r="Z35" s="225"/>
      <c r="AA35" s="225"/>
      <c r="AB35" s="225"/>
      <c r="AC35" s="225"/>
      <c r="AD35" s="411" t="s">
        <v>530</v>
      </c>
      <c r="AE35" s="411"/>
      <c r="AF35" s="411"/>
      <c r="AG35" s="411"/>
      <c r="AH35" s="411"/>
      <c r="AI35" s="411"/>
      <c r="AJ35" s="411"/>
      <c r="AK35" s="411"/>
      <c r="AL35" s="411"/>
      <c r="AM35" s="412" t="s">
        <v>530</v>
      </c>
      <c r="AN35" s="413"/>
      <c r="AO35" s="413"/>
      <c r="AP35" s="413"/>
      <c r="AQ35" s="413"/>
      <c r="AR35" s="413"/>
      <c r="AS35" s="413"/>
      <c r="AT35" s="413"/>
      <c r="AU35" s="413"/>
      <c r="AV35" s="413"/>
      <c r="AW35" s="413"/>
      <c r="AX35" s="413"/>
      <c r="AY35" s="413"/>
      <c r="AZ35" s="413"/>
      <c r="BA35" s="413"/>
      <c r="BB35" s="413"/>
      <c r="BC35" s="413"/>
      <c r="BD35" s="413"/>
      <c r="BE35" s="413"/>
      <c r="BF35" s="413"/>
      <c r="BG35" s="413"/>
      <c r="BH35" s="413"/>
      <c r="BI35" s="413"/>
      <c r="BJ35" s="413"/>
      <c r="BK35" s="413"/>
      <c r="BL35" s="413"/>
      <c r="BM35" s="413"/>
      <c r="BN35" s="413"/>
      <c r="BO35" s="413"/>
      <c r="BP35" s="413"/>
      <c r="BQ35" s="413"/>
      <c r="BR35" s="413"/>
      <c r="BS35" s="413"/>
      <c r="BT35" s="413"/>
      <c r="BU35" s="413"/>
      <c r="BV35" s="413"/>
      <c r="BW35" s="413"/>
      <c r="BX35" s="413"/>
    </row>
    <row r="36" spans="1:77" s="3" customFormat="1" ht="24.5" customHeight="1" x14ac:dyDescent="0.2">
      <c r="A36" s="226"/>
      <c r="B36" s="226"/>
      <c r="C36" s="226"/>
      <c r="D36" s="226"/>
      <c r="E36" s="226"/>
      <c r="F36" s="226"/>
      <c r="G36" s="226"/>
      <c r="H36" s="226"/>
      <c r="I36" s="226"/>
      <c r="J36" s="226"/>
      <c r="K36" s="226"/>
      <c r="L36" s="409"/>
      <c r="M36" s="225"/>
      <c r="N36" s="225"/>
      <c r="O36" s="225"/>
      <c r="P36" s="225"/>
      <c r="Q36" s="225"/>
      <c r="R36" s="225"/>
      <c r="S36" s="225"/>
      <c r="T36" s="225"/>
      <c r="U36" s="410"/>
      <c r="V36" s="225"/>
      <c r="W36" s="225"/>
      <c r="X36" s="225"/>
      <c r="Y36" s="225"/>
      <c r="Z36" s="225"/>
      <c r="AA36" s="225"/>
      <c r="AB36" s="225"/>
      <c r="AC36" s="225"/>
      <c r="AD36" s="411" t="s">
        <v>547</v>
      </c>
      <c r="AE36" s="411"/>
      <c r="AF36" s="411"/>
      <c r="AG36" s="411" t="s">
        <v>503</v>
      </c>
      <c r="AH36" s="411"/>
      <c r="AI36" s="411"/>
      <c r="AJ36" s="411" t="s">
        <v>548</v>
      </c>
      <c r="AK36" s="411"/>
      <c r="AL36" s="411"/>
      <c r="AM36" s="409" t="s">
        <v>580</v>
      </c>
      <c r="AN36" s="409"/>
      <c r="AO36" s="409"/>
      <c r="AP36" s="409" t="s">
        <v>531</v>
      </c>
      <c r="AQ36" s="409"/>
      <c r="AR36" s="409"/>
      <c r="AS36" s="409"/>
      <c r="AT36" s="409"/>
      <c r="AU36" s="409" t="s">
        <v>445</v>
      </c>
      <c r="AV36" s="409"/>
      <c r="AW36" s="409"/>
      <c r="AX36" s="409" t="s">
        <v>537</v>
      </c>
      <c r="AY36" s="409"/>
      <c r="AZ36" s="409"/>
      <c r="BA36" s="409" t="s">
        <v>532</v>
      </c>
      <c r="BB36" s="409"/>
      <c r="BC36" s="409"/>
      <c r="BD36" s="409" t="s">
        <v>588</v>
      </c>
      <c r="BE36" s="409"/>
      <c r="BF36" s="409"/>
      <c r="BG36" s="409"/>
      <c r="BH36" s="409" t="s">
        <v>579</v>
      </c>
      <c r="BI36" s="409"/>
      <c r="BJ36" s="409"/>
      <c r="BK36" s="409" t="s">
        <v>533</v>
      </c>
      <c r="BL36" s="409"/>
      <c r="BM36" s="409"/>
      <c r="BN36" s="409" t="s">
        <v>536</v>
      </c>
      <c r="BO36" s="409"/>
      <c r="BP36" s="409"/>
      <c r="BQ36" s="409"/>
      <c r="BR36" s="409" t="s">
        <v>578</v>
      </c>
      <c r="BS36" s="409"/>
      <c r="BT36" s="409"/>
      <c r="BU36" s="409"/>
      <c r="BV36" s="409" t="s">
        <v>535</v>
      </c>
      <c r="BW36" s="409"/>
      <c r="BX36" s="409"/>
    </row>
    <row r="37" spans="1:77" s="3" customFormat="1" ht="24.5" customHeight="1" x14ac:dyDescent="0.2">
      <c r="A37" s="226"/>
      <c r="B37" s="226"/>
      <c r="C37" s="226"/>
      <c r="D37" s="226"/>
      <c r="E37" s="226"/>
      <c r="F37" s="226"/>
      <c r="G37" s="226"/>
      <c r="H37" s="226"/>
      <c r="I37" s="226"/>
      <c r="J37" s="226"/>
      <c r="K37" s="226"/>
      <c r="L37" s="409"/>
      <c r="M37" s="225"/>
      <c r="N37" s="225"/>
      <c r="O37" s="225"/>
      <c r="P37" s="225"/>
      <c r="Q37" s="225"/>
      <c r="R37" s="225"/>
      <c r="S37" s="225"/>
      <c r="T37" s="225"/>
      <c r="U37" s="410"/>
      <c r="V37" s="225"/>
      <c r="W37" s="225"/>
      <c r="X37" s="225"/>
      <c r="Y37" s="225"/>
      <c r="Z37" s="225"/>
      <c r="AA37" s="225"/>
      <c r="AB37" s="225"/>
      <c r="AC37" s="225"/>
      <c r="AD37" s="246"/>
      <c r="AE37" s="245"/>
      <c r="AF37" s="247"/>
      <c r="AG37" s="246"/>
      <c r="AH37" s="245"/>
      <c r="AI37" s="247"/>
      <c r="AJ37" s="246"/>
      <c r="AK37" s="245"/>
      <c r="AL37" s="247"/>
      <c r="AM37" s="409"/>
      <c r="AN37" s="409"/>
      <c r="AO37" s="409"/>
      <c r="AP37" s="414" t="s">
        <v>538</v>
      </c>
      <c r="AQ37" s="415"/>
      <c r="AR37" s="415"/>
      <c r="AS37" s="415"/>
      <c r="AT37" s="416"/>
      <c r="AU37" s="414" t="s">
        <v>539</v>
      </c>
      <c r="AV37" s="415"/>
      <c r="AW37" s="416"/>
      <c r="AX37" s="414" t="s">
        <v>448</v>
      </c>
      <c r="AY37" s="415"/>
      <c r="AZ37" s="416"/>
      <c r="BA37" s="414" t="s">
        <v>448</v>
      </c>
      <c r="BB37" s="415"/>
      <c r="BC37" s="416"/>
      <c r="BD37" s="414" t="s">
        <v>448</v>
      </c>
      <c r="BE37" s="415"/>
      <c r="BF37" s="415"/>
      <c r="BG37" s="416"/>
      <c r="BH37" s="409"/>
      <c r="BI37" s="409"/>
      <c r="BJ37" s="409"/>
      <c r="BK37" s="414" t="s">
        <v>448</v>
      </c>
      <c r="BL37" s="415"/>
      <c r="BM37" s="416"/>
      <c r="BN37" s="414" t="s">
        <v>448</v>
      </c>
      <c r="BO37" s="415"/>
      <c r="BP37" s="415"/>
      <c r="BQ37" s="416"/>
      <c r="BR37" s="414" t="s">
        <v>448</v>
      </c>
      <c r="BS37" s="415"/>
      <c r="BT37" s="415"/>
      <c r="BU37" s="416"/>
      <c r="BV37" s="414" t="s">
        <v>448</v>
      </c>
      <c r="BW37" s="415"/>
      <c r="BX37" s="416"/>
    </row>
    <row r="38" spans="1:77" s="3" customFormat="1" ht="24.5" customHeight="1" x14ac:dyDescent="0.2">
      <c r="A38" s="226"/>
      <c r="B38" s="226"/>
      <c r="C38" s="226"/>
      <c r="D38" s="226"/>
      <c r="E38" s="226"/>
      <c r="F38" s="226"/>
      <c r="G38" s="226"/>
      <c r="H38" s="226"/>
      <c r="I38" s="226"/>
      <c r="J38" s="226"/>
      <c r="K38" s="226"/>
      <c r="L38" s="409"/>
      <c r="M38" s="225"/>
      <c r="N38" s="225"/>
      <c r="O38" s="225"/>
      <c r="P38" s="225"/>
      <c r="Q38" s="225"/>
      <c r="R38" s="225"/>
      <c r="S38" s="225"/>
      <c r="T38" s="225"/>
      <c r="U38" s="410"/>
      <c r="V38" s="225"/>
      <c r="W38" s="225"/>
      <c r="X38" s="225"/>
      <c r="Y38" s="225"/>
      <c r="Z38" s="225"/>
      <c r="AA38" s="225"/>
      <c r="AB38" s="225"/>
      <c r="AC38" s="225"/>
      <c r="AD38" s="243"/>
      <c r="AE38" s="242"/>
      <c r="AF38" s="244"/>
      <c r="AG38" s="243"/>
      <c r="AH38" s="242"/>
      <c r="AI38" s="244"/>
      <c r="AJ38" s="243"/>
      <c r="AK38" s="242"/>
      <c r="AL38" s="244"/>
      <c r="AM38" s="409" t="s">
        <v>534</v>
      </c>
      <c r="AN38" s="409"/>
      <c r="AO38" s="409"/>
      <c r="AP38" s="409" t="s">
        <v>545</v>
      </c>
      <c r="AQ38" s="409"/>
      <c r="AR38" s="409"/>
      <c r="AS38" s="409"/>
      <c r="AT38" s="409"/>
      <c r="AU38" s="409"/>
      <c r="AV38" s="409"/>
      <c r="AW38" s="409"/>
      <c r="AX38" s="409"/>
      <c r="AY38" s="409"/>
      <c r="AZ38" s="409"/>
      <c r="BA38" s="409" t="s">
        <v>447</v>
      </c>
      <c r="BB38" s="409"/>
      <c r="BC38" s="409"/>
      <c r="BD38" s="409"/>
      <c r="BE38" s="409"/>
      <c r="BF38" s="409"/>
      <c r="BG38" s="409"/>
      <c r="BH38" s="409" t="s">
        <v>446</v>
      </c>
      <c r="BI38" s="409"/>
      <c r="BJ38" s="409"/>
      <c r="BK38" s="409" t="s">
        <v>540</v>
      </c>
      <c r="BL38" s="409"/>
      <c r="BM38" s="409"/>
      <c r="BN38" s="409" t="s">
        <v>541</v>
      </c>
      <c r="BO38" s="409"/>
      <c r="BP38" s="409"/>
      <c r="BQ38" s="409"/>
      <c r="BR38" s="409" t="s">
        <v>542</v>
      </c>
      <c r="BS38" s="409"/>
      <c r="BT38" s="409"/>
      <c r="BU38" s="409"/>
      <c r="BV38" s="251" t="s">
        <v>543</v>
      </c>
      <c r="BW38" s="251"/>
      <c r="BX38" s="54" t="s">
        <v>544</v>
      </c>
    </row>
    <row r="39" spans="1:77" s="3" customFormat="1" ht="24.5" customHeight="1" x14ac:dyDescent="0.2">
      <c r="A39" s="226"/>
      <c r="B39" s="226"/>
      <c r="C39" s="226"/>
      <c r="D39" s="226"/>
      <c r="E39" s="226"/>
      <c r="F39" s="226"/>
      <c r="G39" s="226"/>
      <c r="H39" s="226"/>
      <c r="I39" s="226"/>
      <c r="J39" s="226"/>
      <c r="K39" s="226"/>
      <c r="L39" s="409"/>
      <c r="M39" s="225"/>
      <c r="N39" s="225"/>
      <c r="O39" s="225"/>
      <c r="P39" s="225"/>
      <c r="Q39" s="225"/>
      <c r="R39" s="225"/>
      <c r="S39" s="225"/>
      <c r="T39" s="225"/>
      <c r="U39" s="410"/>
      <c r="V39" s="225"/>
      <c r="W39" s="225"/>
      <c r="X39" s="225"/>
      <c r="Y39" s="225"/>
      <c r="Z39" s="225"/>
      <c r="AA39" s="225"/>
      <c r="AB39" s="225"/>
      <c r="AC39" s="225"/>
      <c r="AD39" s="248"/>
      <c r="AE39" s="249"/>
      <c r="AF39" s="250"/>
      <c r="AG39" s="248"/>
      <c r="AH39" s="249"/>
      <c r="AI39" s="250"/>
      <c r="AJ39" s="248"/>
      <c r="AK39" s="249"/>
      <c r="AL39" s="250"/>
      <c r="AM39" s="409"/>
      <c r="AN39" s="409"/>
      <c r="AO39" s="409"/>
      <c r="AP39" s="417" t="s">
        <v>546</v>
      </c>
      <c r="AQ39" s="417"/>
      <c r="AR39" s="417"/>
      <c r="AS39" s="417"/>
      <c r="AT39" s="417"/>
      <c r="AU39" s="417"/>
      <c r="AV39" s="417"/>
      <c r="AW39" s="417"/>
      <c r="AX39" s="417"/>
      <c r="AY39" s="417"/>
      <c r="AZ39" s="417"/>
      <c r="BA39" s="417" t="s">
        <v>577</v>
      </c>
      <c r="BB39" s="417"/>
      <c r="BC39" s="417"/>
      <c r="BD39" s="417"/>
      <c r="BE39" s="417"/>
      <c r="BF39" s="417"/>
      <c r="BG39" s="417"/>
      <c r="BH39" s="417" t="s">
        <v>448</v>
      </c>
      <c r="BI39" s="417"/>
      <c r="BJ39" s="417"/>
      <c r="BK39" s="417" t="s">
        <v>448</v>
      </c>
      <c r="BL39" s="417"/>
      <c r="BM39" s="417"/>
      <c r="BN39" s="418" t="s">
        <v>448</v>
      </c>
      <c r="BO39" s="418"/>
      <c r="BP39" s="418"/>
      <c r="BQ39" s="418"/>
      <c r="BR39" s="418" t="s">
        <v>448</v>
      </c>
      <c r="BS39" s="418"/>
      <c r="BT39" s="418"/>
      <c r="BU39" s="418"/>
      <c r="BV39" s="418" t="s">
        <v>448</v>
      </c>
      <c r="BW39" s="418"/>
      <c r="BX39" s="419" t="s">
        <v>448</v>
      </c>
      <c r="BY39" s="4"/>
    </row>
    <row r="40" spans="1:77" s="3" customFormat="1" ht="24.5" customHeight="1" x14ac:dyDescent="0.2">
      <c r="A40" s="48"/>
      <c r="B40" s="39"/>
      <c r="C40" s="39"/>
      <c r="D40" s="40"/>
      <c r="E40" s="38"/>
      <c r="F40" s="39"/>
      <c r="G40" s="39"/>
      <c r="H40" s="39"/>
      <c r="I40" s="39"/>
      <c r="J40" s="39"/>
      <c r="K40" s="53"/>
      <c r="L40" s="53"/>
      <c r="M40" s="53"/>
      <c r="N40" s="53"/>
      <c r="O40" s="53"/>
      <c r="P40" s="53"/>
      <c r="Q40" s="53"/>
      <c r="R40" s="53"/>
      <c r="S40" s="53"/>
      <c r="T40" s="53"/>
      <c r="U40" s="39"/>
      <c r="V40" s="39"/>
      <c r="W40" s="39"/>
      <c r="X40" s="43"/>
      <c r="Y40" s="43"/>
      <c r="Z40" s="43"/>
      <c r="AA40" s="43"/>
      <c r="AB40" s="43"/>
      <c r="AC40" s="43"/>
      <c r="AD40" s="43"/>
      <c r="AE40" s="43"/>
      <c r="AF40" s="43"/>
      <c r="AG40" s="43"/>
      <c r="AH40" s="43"/>
      <c r="AI40" s="43"/>
      <c r="AJ40" s="43"/>
      <c r="AK40" s="43"/>
      <c r="AL40" s="44"/>
      <c r="AM40" s="13"/>
      <c r="AN40" s="310"/>
      <c r="AO40" s="52"/>
      <c r="AP40" s="52"/>
      <c r="AQ40" s="52"/>
      <c r="AR40" s="52"/>
      <c r="AS40" s="52"/>
      <c r="AT40" s="52"/>
      <c r="AU40" s="52"/>
      <c r="AV40" s="52"/>
      <c r="AW40" s="52"/>
      <c r="AX40" s="52"/>
      <c r="AY40" s="52"/>
      <c r="AZ40" s="52"/>
      <c r="BA40" s="52"/>
      <c r="BB40" s="310"/>
      <c r="BC40" s="310"/>
      <c r="BD40" s="310"/>
      <c r="BE40" s="310"/>
      <c r="BF40" s="310"/>
      <c r="BG40" s="310"/>
      <c r="BH40" s="310"/>
      <c r="BI40" s="310"/>
      <c r="BJ40" s="310"/>
      <c r="BK40" s="310"/>
      <c r="BL40" s="310"/>
      <c r="BM40" s="310"/>
      <c r="BN40" s="7"/>
      <c r="BO40" s="7"/>
      <c r="BP40" s="311"/>
      <c r="BQ40" s="311"/>
      <c r="BR40" s="7"/>
      <c r="BS40" s="7"/>
      <c r="BT40" s="7"/>
      <c r="BU40" s="7"/>
      <c r="BV40" s="7"/>
      <c r="BW40" s="7"/>
      <c r="BX40" s="7"/>
      <c r="BY40" s="4"/>
    </row>
    <row r="41" spans="1:77" s="3" customFormat="1" ht="24.5" customHeight="1" x14ac:dyDescent="0.2">
      <c r="A41" s="50"/>
      <c r="B41" s="13"/>
      <c r="C41" s="13"/>
      <c r="D41" s="13"/>
      <c r="E41" s="13"/>
      <c r="F41" s="13"/>
      <c r="G41" s="13"/>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8"/>
      <c r="AH41" s="38"/>
      <c r="AI41" s="38"/>
      <c r="AJ41" s="38"/>
      <c r="AK41" s="38"/>
      <c r="AL41" s="41"/>
      <c r="AM41" s="13"/>
      <c r="AN41" s="253"/>
      <c r="AO41" s="253"/>
      <c r="AP41" s="253"/>
      <c r="AQ41" s="253"/>
      <c r="AR41" s="253"/>
      <c r="AS41" s="253"/>
      <c r="AT41" s="253"/>
      <c r="AU41" s="253"/>
      <c r="AV41" s="312"/>
      <c r="AW41" s="312"/>
      <c r="AX41" s="312"/>
      <c r="AY41" s="312"/>
      <c r="AZ41" s="312"/>
      <c r="BA41" s="312"/>
      <c r="BB41" s="312"/>
      <c r="BC41" s="312"/>
      <c r="BD41" s="313"/>
      <c r="BE41" s="313"/>
      <c r="BF41" s="313"/>
      <c r="BG41" s="313"/>
      <c r="BH41" s="313"/>
      <c r="BI41" s="313"/>
      <c r="BJ41" s="313"/>
      <c r="BK41" s="313"/>
      <c r="BL41" s="313"/>
      <c r="BM41" s="313"/>
      <c r="BN41" s="313"/>
      <c r="BO41" s="313"/>
      <c r="BP41" s="313"/>
      <c r="BQ41" s="313"/>
      <c r="BR41" s="313"/>
      <c r="BS41" s="313"/>
      <c r="BT41" s="313"/>
      <c r="BU41" s="313"/>
      <c r="BV41" s="313"/>
      <c r="BW41" s="313"/>
      <c r="BX41" s="313"/>
      <c r="BY41" s="4"/>
    </row>
    <row r="42" spans="1:77" s="3" customFormat="1" ht="24.5" customHeight="1" x14ac:dyDescent="0.2">
      <c r="A42" s="50"/>
      <c r="B42" s="13"/>
      <c r="C42" s="13"/>
      <c r="D42" s="13"/>
      <c r="E42" s="13"/>
      <c r="F42" s="13"/>
      <c r="G42" s="13"/>
      <c r="H42" s="38"/>
      <c r="I42" s="38"/>
      <c r="J42" s="38"/>
      <c r="K42" s="38"/>
      <c r="L42" s="38"/>
      <c r="M42" s="38"/>
      <c r="N42" s="38"/>
      <c r="O42" s="38"/>
      <c r="P42" s="38"/>
      <c r="Q42" s="45"/>
      <c r="R42" s="45"/>
      <c r="S42" s="45"/>
      <c r="T42" s="45"/>
      <c r="U42" s="45"/>
      <c r="V42" s="45"/>
      <c r="W42" s="45"/>
      <c r="X42" s="45"/>
      <c r="Y42" s="45"/>
      <c r="Z42" s="45"/>
      <c r="AA42" s="45"/>
      <c r="AB42" s="45"/>
      <c r="AC42" s="45"/>
      <c r="AD42" s="45"/>
      <c r="AE42" s="45"/>
      <c r="AF42" s="45"/>
      <c r="AG42" s="45"/>
      <c r="AH42" s="45"/>
      <c r="AI42" s="45"/>
      <c r="AJ42" s="45"/>
      <c r="AK42" s="45"/>
      <c r="AL42" s="46"/>
      <c r="AM42" s="13"/>
      <c r="AN42" s="253"/>
      <c r="AO42" s="253"/>
      <c r="AP42" s="253"/>
      <c r="AQ42" s="253"/>
      <c r="AR42" s="253"/>
      <c r="AS42" s="253"/>
      <c r="AT42" s="253"/>
      <c r="AU42" s="253"/>
      <c r="AV42" s="312"/>
      <c r="AW42" s="312"/>
      <c r="AX42" s="312"/>
      <c r="AY42" s="312"/>
      <c r="AZ42" s="312"/>
      <c r="BA42" s="312"/>
      <c r="BB42" s="312"/>
      <c r="BC42" s="312"/>
      <c r="BD42" s="313"/>
      <c r="BE42" s="313"/>
      <c r="BF42" s="313"/>
      <c r="BG42" s="313"/>
      <c r="BH42" s="313"/>
      <c r="BI42" s="313"/>
      <c r="BJ42" s="313"/>
      <c r="BK42" s="313"/>
      <c r="BL42" s="313"/>
      <c r="BM42" s="313"/>
      <c r="BN42" s="313"/>
      <c r="BO42" s="313"/>
      <c r="BP42" s="313"/>
      <c r="BQ42" s="313"/>
      <c r="BR42" s="313"/>
      <c r="BS42" s="313"/>
      <c r="BT42" s="313"/>
      <c r="BU42" s="313"/>
      <c r="BV42" s="313"/>
      <c r="BW42" s="313"/>
      <c r="BX42" s="313"/>
      <c r="BY42" s="4"/>
    </row>
    <row r="43" spans="1:77" s="3" customFormat="1" ht="24.5" customHeight="1" x14ac:dyDescent="0.2">
      <c r="A43" s="50"/>
      <c r="B43" s="13"/>
      <c r="C43" s="13"/>
      <c r="D43" s="13"/>
      <c r="E43" s="13"/>
      <c r="F43" s="13"/>
      <c r="G43" s="13"/>
      <c r="H43" s="38"/>
      <c r="I43" s="38"/>
      <c r="J43" s="38"/>
      <c r="K43" s="38"/>
      <c r="L43" s="38"/>
      <c r="M43" s="38"/>
      <c r="N43" s="38"/>
      <c r="O43" s="38"/>
      <c r="P43" s="38"/>
      <c r="Q43" s="45"/>
      <c r="R43" s="45"/>
      <c r="S43" s="45"/>
      <c r="T43" s="45"/>
      <c r="U43" s="45"/>
      <c r="V43" s="45"/>
      <c r="W43" s="45"/>
      <c r="X43" s="45"/>
      <c r="Y43" s="45"/>
      <c r="Z43" s="45"/>
      <c r="AA43" s="45"/>
      <c r="AB43" s="45"/>
      <c r="AC43" s="45"/>
      <c r="AD43" s="45"/>
      <c r="AE43" s="45"/>
      <c r="AF43" s="45"/>
      <c r="AG43" s="45"/>
      <c r="AH43" s="45"/>
      <c r="AI43" s="45"/>
      <c r="AJ43" s="45"/>
      <c r="AK43" s="45"/>
      <c r="AL43" s="46"/>
      <c r="AM43" s="38"/>
      <c r="AN43" s="253"/>
      <c r="AO43" s="253"/>
      <c r="AP43" s="253"/>
      <c r="AQ43" s="253"/>
      <c r="AR43" s="253"/>
      <c r="AS43" s="253"/>
      <c r="AT43" s="253"/>
      <c r="AU43" s="253"/>
      <c r="AV43" s="312"/>
      <c r="AW43" s="312"/>
      <c r="AX43" s="312"/>
      <c r="AY43" s="312"/>
      <c r="AZ43" s="312"/>
      <c r="BA43" s="312"/>
      <c r="BB43" s="312"/>
      <c r="BC43" s="312"/>
      <c r="BD43" s="313"/>
      <c r="BE43" s="313"/>
      <c r="BF43" s="313"/>
      <c r="BG43" s="313"/>
      <c r="BH43" s="313"/>
      <c r="BI43" s="313"/>
      <c r="BJ43" s="313"/>
      <c r="BK43" s="313"/>
      <c r="BL43" s="313"/>
      <c r="BM43" s="313"/>
      <c r="BN43" s="313"/>
      <c r="BO43" s="313"/>
      <c r="BP43" s="313"/>
      <c r="BQ43" s="313"/>
      <c r="BR43" s="313"/>
      <c r="BS43" s="313"/>
      <c r="BT43" s="313"/>
      <c r="BU43" s="313"/>
      <c r="BV43" s="313"/>
      <c r="BW43" s="313"/>
      <c r="BX43" s="313"/>
    </row>
    <row r="44" spans="1:77" s="3" customFormat="1" ht="24.5" customHeight="1" x14ac:dyDescent="0.2">
      <c r="A44" s="50"/>
      <c r="B44" s="13"/>
      <c r="C44" s="13"/>
      <c r="D44" s="13"/>
      <c r="E44" s="13"/>
      <c r="F44" s="13"/>
      <c r="G44" s="13"/>
      <c r="H44" s="38"/>
      <c r="I44" s="38"/>
      <c r="J44" s="38"/>
      <c r="K44" s="38"/>
      <c r="L44" s="38"/>
      <c r="M44" s="38"/>
      <c r="N44" s="38"/>
      <c r="O44" s="38"/>
      <c r="P44" s="38"/>
      <c r="Q44" s="45"/>
      <c r="R44" s="45"/>
      <c r="S44" s="45"/>
      <c r="T44" s="45"/>
      <c r="U44" s="45"/>
      <c r="V44" s="45"/>
      <c r="W44" s="45"/>
      <c r="X44" s="45"/>
      <c r="Y44" s="45"/>
      <c r="Z44" s="45"/>
      <c r="AA44" s="45"/>
      <c r="AB44" s="45"/>
      <c r="AC44" s="45"/>
      <c r="AD44" s="45"/>
      <c r="AE44" s="45"/>
      <c r="AF44" s="45"/>
      <c r="AG44" s="45"/>
      <c r="AH44" s="45"/>
      <c r="AI44" s="45"/>
      <c r="AJ44" s="45"/>
      <c r="AK44" s="45"/>
      <c r="AL44" s="46"/>
      <c r="AM44" s="38"/>
      <c r="AN44" s="253"/>
      <c r="AO44" s="253"/>
      <c r="AP44" s="253"/>
      <c r="AQ44" s="253"/>
      <c r="AR44" s="253"/>
      <c r="AS44" s="253"/>
      <c r="AT44" s="253"/>
      <c r="AU44" s="253"/>
      <c r="AV44" s="312"/>
      <c r="AW44" s="312"/>
      <c r="AX44" s="312"/>
      <c r="AY44" s="312"/>
      <c r="AZ44" s="312"/>
      <c r="BA44" s="312"/>
      <c r="BB44" s="312"/>
      <c r="BC44" s="312"/>
      <c r="BD44" s="22"/>
      <c r="BE44" s="22"/>
      <c r="BF44" s="22"/>
      <c r="BG44" s="22"/>
      <c r="BH44" s="22"/>
      <c r="BI44" s="22"/>
      <c r="BJ44" s="22"/>
      <c r="BK44" s="22"/>
      <c r="BL44" s="22"/>
      <c r="BM44" s="22"/>
      <c r="BN44" s="22"/>
      <c r="BO44" s="22"/>
      <c r="BP44" s="314"/>
      <c r="BQ44" s="314"/>
      <c r="BR44" s="314"/>
      <c r="BS44" s="314"/>
      <c r="BT44" s="314"/>
      <c r="BU44" s="314"/>
      <c r="BV44" s="314"/>
      <c r="BW44" s="314"/>
      <c r="BX44" s="314"/>
      <c r="BY44" s="4"/>
    </row>
    <row r="45" spans="1:77" s="3" customFormat="1" ht="24.5" customHeight="1" x14ac:dyDescent="0.2">
      <c r="A45" s="48"/>
      <c r="B45" s="38"/>
      <c r="C45" s="38"/>
      <c r="D45" s="38"/>
      <c r="E45" s="38"/>
      <c r="F45" s="38"/>
      <c r="G45" s="38"/>
      <c r="H45" s="38"/>
      <c r="I45" s="38"/>
      <c r="J45" s="38"/>
      <c r="K45" s="38"/>
      <c r="L45" s="38"/>
      <c r="M45" s="38"/>
      <c r="N45" s="38"/>
      <c r="O45" s="38"/>
      <c r="P45" s="38"/>
      <c r="Q45" s="38"/>
      <c r="R45" s="38"/>
      <c r="S45" s="38"/>
      <c r="T45" s="38"/>
      <c r="U45" s="38"/>
      <c r="V45" s="13"/>
      <c r="W45" s="38"/>
      <c r="X45" s="38"/>
      <c r="Y45" s="38"/>
      <c r="Z45" s="38"/>
      <c r="AA45" s="38"/>
      <c r="AB45" s="38"/>
      <c r="AC45" s="38"/>
      <c r="AD45" s="13"/>
      <c r="AE45" s="38"/>
      <c r="AF45" s="38"/>
      <c r="AG45" s="38"/>
      <c r="AH45" s="38"/>
      <c r="AI45" s="38"/>
      <c r="AJ45" s="38"/>
      <c r="AK45" s="38"/>
      <c r="AL45" s="41"/>
      <c r="AM45" s="38"/>
      <c r="AN45" s="253"/>
      <c r="AO45" s="253"/>
      <c r="AP45" s="253"/>
      <c r="AQ45" s="253"/>
      <c r="AR45" s="253"/>
      <c r="AS45" s="253"/>
      <c r="AT45" s="253"/>
      <c r="AU45" s="253"/>
      <c r="AV45" s="312"/>
      <c r="AW45" s="312"/>
      <c r="AX45" s="312"/>
      <c r="AY45" s="312"/>
      <c r="AZ45" s="312"/>
      <c r="BA45" s="312"/>
      <c r="BB45" s="312"/>
      <c r="BC45" s="312"/>
      <c r="BD45" s="22"/>
      <c r="BE45" s="22"/>
      <c r="BF45" s="22"/>
      <c r="BG45" s="22"/>
      <c r="BH45" s="22"/>
      <c r="BI45" s="22"/>
      <c r="BJ45" s="22"/>
      <c r="BK45" s="22"/>
      <c r="BL45" s="22"/>
      <c r="BM45" s="22"/>
      <c r="BN45" s="22"/>
      <c r="BO45" s="22"/>
      <c r="BP45" s="314"/>
      <c r="BQ45" s="314"/>
      <c r="BR45" s="314"/>
      <c r="BS45" s="314"/>
      <c r="BT45" s="314"/>
      <c r="BU45" s="314"/>
      <c r="BV45" s="314"/>
      <c r="BW45" s="314"/>
      <c r="BX45" s="314"/>
      <c r="BY45" s="4"/>
    </row>
    <row r="46" spans="1:77" s="3" customFormat="1" ht="24.5" customHeight="1" x14ac:dyDescent="0.2">
      <c r="A46" s="48"/>
      <c r="B46" s="38"/>
      <c r="C46" s="38"/>
      <c r="D46" s="38"/>
      <c r="E46" s="38"/>
      <c r="F46" s="38"/>
      <c r="G46" s="38"/>
      <c r="H46" s="38"/>
      <c r="I46" s="38"/>
      <c r="J46" s="38"/>
      <c r="K46" s="38"/>
      <c r="L46" s="38"/>
      <c r="M46" s="38"/>
      <c r="N46" s="38"/>
      <c r="O46" s="38"/>
      <c r="P46" s="38"/>
      <c r="Q46" s="38"/>
      <c r="R46" s="38"/>
      <c r="S46" s="38"/>
      <c r="T46" s="38"/>
      <c r="U46" s="38"/>
      <c r="V46" s="13"/>
      <c r="W46" s="38"/>
      <c r="X46" s="38"/>
      <c r="Y46" s="38"/>
      <c r="Z46" s="38"/>
      <c r="AA46" s="38"/>
      <c r="AB46" s="38"/>
      <c r="AC46" s="38"/>
      <c r="AD46" s="13"/>
      <c r="AE46" s="38"/>
      <c r="AF46" s="38"/>
      <c r="AG46" s="38"/>
      <c r="AH46" s="38"/>
      <c r="AI46" s="38"/>
      <c r="AJ46" s="38"/>
      <c r="AK46" s="38"/>
      <c r="AL46" s="41"/>
      <c r="AM46" s="38"/>
      <c r="AN46" s="7"/>
      <c r="AO46" s="7"/>
      <c r="AP46" s="7"/>
      <c r="AQ46" s="7"/>
      <c r="AR46" s="7"/>
      <c r="AS46" s="7"/>
      <c r="AT46" s="7"/>
      <c r="AU46" s="7"/>
      <c r="AV46" s="315"/>
      <c r="AW46" s="315"/>
      <c r="AX46" s="315"/>
      <c r="AY46" s="315"/>
      <c r="AZ46" s="315"/>
      <c r="BA46" s="315"/>
      <c r="BB46" s="315"/>
      <c r="BC46" s="315"/>
      <c r="BD46" s="22"/>
      <c r="BE46" s="22"/>
      <c r="BF46" s="22"/>
      <c r="BG46" s="22"/>
      <c r="BH46" s="22"/>
      <c r="BI46" s="22"/>
      <c r="BJ46" s="22"/>
      <c r="BK46" s="22"/>
      <c r="BL46" s="22"/>
      <c r="BM46" s="22"/>
      <c r="BN46" s="22"/>
      <c r="BO46" s="22"/>
      <c r="BP46" s="314"/>
      <c r="BQ46" s="314"/>
      <c r="BR46" s="314"/>
      <c r="BS46" s="314"/>
      <c r="BT46" s="314"/>
      <c r="BU46" s="314"/>
      <c r="BV46" s="314"/>
      <c r="BW46" s="314"/>
      <c r="BX46" s="314"/>
    </row>
    <row r="47" spans="1:77" s="3" customFormat="1" ht="24.5" customHeight="1" x14ac:dyDescent="0.2">
      <c r="A47" s="48"/>
      <c r="B47" s="38"/>
      <c r="C47" s="38"/>
      <c r="D47" s="38"/>
      <c r="E47" s="38"/>
      <c r="F47" s="38"/>
      <c r="G47" s="38"/>
      <c r="H47" s="38"/>
      <c r="I47" s="38"/>
      <c r="J47" s="38"/>
      <c r="K47" s="38"/>
      <c r="L47" s="38"/>
      <c r="M47" s="38"/>
      <c r="N47" s="38"/>
      <c r="O47" s="38"/>
      <c r="P47" s="38"/>
      <c r="Q47" s="38"/>
      <c r="R47" s="38"/>
      <c r="S47" s="38"/>
      <c r="T47" s="38"/>
      <c r="U47" s="38"/>
      <c r="V47" s="13"/>
      <c r="W47" s="38"/>
      <c r="X47" s="38"/>
      <c r="Y47" s="38"/>
      <c r="Z47" s="38"/>
      <c r="AA47" s="38"/>
      <c r="AB47" s="38"/>
      <c r="AC47" s="38"/>
      <c r="AD47" s="13"/>
      <c r="AE47" s="38"/>
      <c r="AF47" s="38"/>
      <c r="AG47" s="38"/>
      <c r="AH47" s="38"/>
      <c r="AI47" s="38"/>
      <c r="AJ47" s="38"/>
      <c r="AK47" s="38"/>
      <c r="AL47" s="41"/>
      <c r="AM47" s="13"/>
      <c r="AN47" s="38"/>
      <c r="AO47" s="38"/>
      <c r="AP47" s="38"/>
      <c r="AQ47" s="38"/>
      <c r="AR47" s="38"/>
      <c r="AS47" s="38"/>
      <c r="AT47" s="38"/>
      <c r="AU47" s="38"/>
      <c r="AV47" s="38"/>
      <c r="AW47" s="38"/>
      <c r="AX47" s="38"/>
      <c r="AY47" s="38"/>
      <c r="AZ47" s="38"/>
      <c r="BA47" s="38"/>
      <c r="BB47" s="38"/>
      <c r="BC47" s="38"/>
      <c r="BD47" s="38"/>
      <c r="BE47" s="38"/>
      <c r="BF47" s="38"/>
      <c r="BG47" s="38"/>
      <c r="BH47" s="38"/>
      <c r="BI47" s="38"/>
      <c r="BJ47" s="38"/>
      <c r="BK47" s="38"/>
      <c r="BL47" s="38"/>
      <c r="BM47" s="38"/>
      <c r="BN47" s="38"/>
      <c r="BO47" s="38"/>
      <c r="BP47" s="38"/>
      <c r="BQ47" s="38"/>
      <c r="BR47" s="38"/>
      <c r="BS47" s="38"/>
      <c r="BT47" s="38"/>
      <c r="BU47" s="38"/>
      <c r="BV47" s="310"/>
      <c r="BW47" s="38"/>
      <c r="BX47" s="38"/>
    </row>
    <row r="48" spans="1:77" s="3" customFormat="1" ht="24.5" customHeight="1" x14ac:dyDescent="0.2">
      <c r="A48" s="48"/>
      <c r="B48" s="38"/>
      <c r="C48" s="38"/>
      <c r="D48" s="38"/>
      <c r="E48" s="38"/>
      <c r="F48" s="38"/>
      <c r="G48" s="38"/>
      <c r="H48" s="38"/>
      <c r="I48" s="38"/>
      <c r="J48" s="38"/>
      <c r="K48" s="38"/>
      <c r="L48" s="38"/>
      <c r="M48" s="38"/>
      <c r="N48" s="38"/>
      <c r="O48" s="38"/>
      <c r="P48" s="38"/>
      <c r="Q48" s="38"/>
      <c r="R48" s="38"/>
      <c r="S48" s="38"/>
      <c r="T48" s="38"/>
      <c r="U48" s="38"/>
      <c r="V48" s="13"/>
      <c r="W48" s="38"/>
      <c r="X48" s="38"/>
      <c r="Y48" s="38"/>
      <c r="Z48" s="38"/>
      <c r="AA48" s="38"/>
      <c r="AB48" s="38"/>
      <c r="AC48" s="38"/>
      <c r="AD48" s="13"/>
      <c r="AE48" s="38"/>
      <c r="AF48" s="38"/>
      <c r="AG48" s="38"/>
      <c r="AH48" s="38"/>
      <c r="AI48" s="38"/>
      <c r="AJ48" s="38"/>
      <c r="AK48" s="38"/>
      <c r="AL48" s="41"/>
      <c r="AM48" s="38"/>
      <c r="AN48" s="222"/>
      <c r="AO48" s="222"/>
      <c r="AP48" s="222"/>
      <c r="AQ48" s="222"/>
      <c r="AR48" s="222"/>
      <c r="AS48" s="222"/>
      <c r="AT48" s="222"/>
      <c r="AU48" s="222"/>
      <c r="AV48" s="222"/>
      <c r="AW48" s="222"/>
      <c r="AX48" s="222"/>
      <c r="AY48" s="222"/>
      <c r="AZ48" s="222"/>
      <c r="BA48" s="222"/>
      <c r="BB48" s="222"/>
      <c r="BC48" s="222"/>
      <c r="BD48" s="222"/>
      <c r="BE48" s="222"/>
      <c r="BF48" s="222"/>
      <c r="BG48" s="222"/>
      <c r="BH48" s="222"/>
      <c r="BI48" s="222"/>
      <c r="BJ48" s="222"/>
      <c r="BK48" s="222"/>
      <c r="BL48" s="222"/>
      <c r="BM48" s="222"/>
      <c r="BN48" s="222"/>
      <c r="BO48" s="222"/>
      <c r="BP48" s="222"/>
      <c r="BQ48" s="222"/>
      <c r="BR48" s="222"/>
      <c r="BS48" s="222"/>
      <c r="BT48" s="222"/>
      <c r="BU48" s="222"/>
      <c r="BV48" s="222"/>
      <c r="BW48" s="222"/>
      <c r="BX48" s="222"/>
    </row>
    <row r="49" spans="39:79" ht="24" customHeight="1" x14ac:dyDescent="0.2">
      <c r="AM49" s="316"/>
      <c r="AN49" s="316"/>
      <c r="BY49" s="3"/>
      <c r="CA49" s="1"/>
    </row>
    <row r="50" spans="39:79" ht="23.25" customHeight="1" x14ac:dyDescent="0.2">
      <c r="AN50" s="316"/>
      <c r="BY50" s="3"/>
    </row>
    <row r="51" spans="39:79" ht="40.5" customHeight="1" x14ac:dyDescent="0.2">
      <c r="AN51" s="316"/>
      <c r="BY51" s="13"/>
    </row>
    <row r="52" spans="39:79" ht="32.25" customHeight="1" x14ac:dyDescent="0.2">
      <c r="AN52" s="316"/>
      <c r="BY52" s="3"/>
    </row>
    <row r="53" spans="39:79" ht="21" customHeight="1" x14ac:dyDescent="0.2"/>
    <row r="54" spans="39:79" ht="23.25" customHeight="1" x14ac:dyDescent="0.2"/>
    <row r="55" spans="39:79" ht="23.25" customHeight="1" x14ac:dyDescent="0.2"/>
    <row r="56" spans="39:79" ht="23.25" customHeight="1" x14ac:dyDescent="0.2"/>
    <row r="57" spans="39:79" ht="23.25" customHeight="1" x14ac:dyDescent="0.2"/>
    <row r="58" spans="39:79" ht="23.25" customHeight="1" x14ac:dyDescent="0.2"/>
    <row r="59" spans="39:79" ht="23.25" customHeight="1" x14ac:dyDescent="0.2"/>
    <row r="60" spans="39:79" ht="23.25" customHeight="1" x14ac:dyDescent="0.2"/>
    <row r="61" spans="39:79" ht="23.25" customHeight="1" x14ac:dyDescent="0.2"/>
    <row r="62" spans="39:79" ht="23.25" customHeight="1" x14ac:dyDescent="0.2"/>
    <row r="63" spans="39:79" ht="23.25" customHeight="1" x14ac:dyDescent="0.2"/>
    <row r="64" spans="39:79" ht="23.25" customHeight="1" x14ac:dyDescent="0.2"/>
    <row r="65" ht="23.25" customHeight="1" x14ac:dyDescent="0.2"/>
    <row r="66" ht="23.25" customHeight="1" x14ac:dyDescent="0.2"/>
    <row r="67" ht="23.25" customHeight="1" x14ac:dyDescent="0.2"/>
    <row r="68" ht="23.25" customHeight="1" x14ac:dyDescent="0.2"/>
    <row r="69" ht="23.25" customHeight="1" x14ac:dyDescent="0.2"/>
    <row r="70" ht="23.25" customHeight="1" x14ac:dyDescent="0.2"/>
    <row r="71" ht="23.25" customHeight="1" x14ac:dyDescent="0.2"/>
    <row r="72" ht="23.25" customHeight="1" x14ac:dyDescent="0.2"/>
    <row r="73" ht="23.25" customHeight="1" x14ac:dyDescent="0.2"/>
    <row r="74" ht="23.25" customHeight="1" x14ac:dyDescent="0.2"/>
    <row r="75" ht="23.25" customHeight="1" x14ac:dyDescent="0.2"/>
    <row r="76" ht="23.25" customHeight="1" x14ac:dyDescent="0.2"/>
    <row r="77" ht="23.25" customHeight="1" x14ac:dyDescent="0.2"/>
  </sheetData>
  <mergeCells count="244">
    <mergeCell ref="AN41:AU45"/>
    <mergeCell ref="AV41:BC43"/>
    <mergeCell ref="BD41:BX43"/>
    <mergeCell ref="AV44:BC45"/>
    <mergeCell ref="AN48:BX48"/>
    <mergeCell ref="BA39:BG39"/>
    <mergeCell ref="BH39:BJ39"/>
    <mergeCell ref="BK39:BM39"/>
    <mergeCell ref="BN39:BQ39"/>
    <mergeCell ref="BR39:BU39"/>
    <mergeCell ref="BV39:BW39"/>
    <mergeCell ref="BV37:BX37"/>
    <mergeCell ref="AM38:AO39"/>
    <mergeCell ref="AP38:AZ38"/>
    <mergeCell ref="BA38:BG38"/>
    <mergeCell ref="BH38:BJ38"/>
    <mergeCell ref="BK38:BM38"/>
    <mergeCell ref="BN38:BQ38"/>
    <mergeCell ref="BR38:BU38"/>
    <mergeCell ref="BV38:BW38"/>
    <mergeCell ref="AP39:AZ39"/>
    <mergeCell ref="AX37:AZ37"/>
    <mergeCell ref="BA37:BC37"/>
    <mergeCell ref="BD37:BG37"/>
    <mergeCell ref="BK37:BM37"/>
    <mergeCell ref="BN37:BQ37"/>
    <mergeCell ref="BR37:BU37"/>
    <mergeCell ref="BH36:BJ37"/>
    <mergeCell ref="BK36:BM36"/>
    <mergeCell ref="BN36:BQ36"/>
    <mergeCell ref="BR36:BU36"/>
    <mergeCell ref="BV36:BX36"/>
    <mergeCell ref="AD37:AF39"/>
    <mergeCell ref="AG37:AI39"/>
    <mergeCell ref="AJ37:AL39"/>
    <mergeCell ref="AP37:AT37"/>
    <mergeCell ref="AU37:AW37"/>
    <mergeCell ref="AM35:BX35"/>
    <mergeCell ref="AD36:AF36"/>
    <mergeCell ref="AG36:AI36"/>
    <mergeCell ref="AJ36:AL36"/>
    <mergeCell ref="AM36:AO37"/>
    <mergeCell ref="AP36:AT36"/>
    <mergeCell ref="AU36:AW36"/>
    <mergeCell ref="AX36:AZ36"/>
    <mergeCell ref="BA36:BC36"/>
    <mergeCell ref="BD36:BG36"/>
    <mergeCell ref="C34:E34"/>
    <mergeCell ref="F34:AL34"/>
    <mergeCell ref="AM34:BS34"/>
    <mergeCell ref="BT34:BX34"/>
    <mergeCell ref="A35:K39"/>
    <mergeCell ref="L35:L39"/>
    <mergeCell ref="M35:T39"/>
    <mergeCell ref="U35:U39"/>
    <mergeCell ref="V35:AC39"/>
    <mergeCell ref="AD35:AL35"/>
    <mergeCell ref="AM31:BS32"/>
    <mergeCell ref="BT31:BX32"/>
    <mergeCell ref="C32:AL32"/>
    <mergeCell ref="C33:E33"/>
    <mergeCell ref="F33:T33"/>
    <mergeCell ref="U33:W33"/>
    <mergeCell ref="X33:AL33"/>
    <mergeCell ref="AM33:BS33"/>
    <mergeCell ref="BT33:BX33"/>
    <mergeCell ref="U30:W30"/>
    <mergeCell ref="X30:AL30"/>
    <mergeCell ref="C31:E31"/>
    <mergeCell ref="F31:T31"/>
    <mergeCell ref="U31:W31"/>
    <mergeCell ref="X31:AL31"/>
    <mergeCell ref="I27:AL27"/>
    <mergeCell ref="AM27:BS27"/>
    <mergeCell ref="BT27:BX30"/>
    <mergeCell ref="H28:AL28"/>
    <mergeCell ref="AM28:BS28"/>
    <mergeCell ref="A29:B34"/>
    <mergeCell ref="C29:AL29"/>
    <mergeCell ref="AM29:BS30"/>
    <mergeCell ref="C30:E30"/>
    <mergeCell ref="F30:T30"/>
    <mergeCell ref="A25:B28"/>
    <mergeCell ref="C25:AL25"/>
    <mergeCell ref="AM25:BX25"/>
    <mergeCell ref="C26:G26"/>
    <mergeCell ref="H26:Q26"/>
    <mergeCell ref="S26:T26"/>
    <mergeCell ref="U26:Y26"/>
    <mergeCell ref="Z26:AL26"/>
    <mergeCell ref="AM26:BX26"/>
    <mergeCell ref="C27:G28"/>
    <mergeCell ref="R23:S24"/>
    <mergeCell ref="T23:T24"/>
    <mergeCell ref="U23:AL23"/>
    <mergeCell ref="AM23:BX23"/>
    <mergeCell ref="U24:AL24"/>
    <mergeCell ref="AM24:AO24"/>
    <mergeCell ref="AP24:BX24"/>
    <mergeCell ref="C22:I22"/>
    <mergeCell ref="J22:AL22"/>
    <mergeCell ref="AO22:AP22"/>
    <mergeCell ref="AQ22:BG22"/>
    <mergeCell ref="BJ22:BU22"/>
    <mergeCell ref="C23:I24"/>
    <mergeCell ref="J23:M24"/>
    <mergeCell ref="N23:N24"/>
    <mergeCell ref="O23:P24"/>
    <mergeCell ref="Q23:Q24"/>
    <mergeCell ref="BF20:BF21"/>
    <mergeCell ref="BG20:BG21"/>
    <mergeCell ref="BH20:BI22"/>
    <mergeCell ref="BJ20:BU21"/>
    <mergeCell ref="BV20:BX22"/>
    <mergeCell ref="K21:L21"/>
    <mergeCell ref="M21:AL21"/>
    <mergeCell ref="AQ20:AZ21"/>
    <mergeCell ref="BA20:BA21"/>
    <mergeCell ref="BB20:BB21"/>
    <mergeCell ref="BC20:BC21"/>
    <mergeCell ref="BD20:BD21"/>
    <mergeCell ref="BE20:BE21"/>
    <mergeCell ref="A19:B24"/>
    <mergeCell ref="C19:I21"/>
    <mergeCell ref="K19:L19"/>
    <mergeCell ref="M19:AL19"/>
    <mergeCell ref="AO19:AP19"/>
    <mergeCell ref="AQ19:BG19"/>
    <mergeCell ref="K20:L20"/>
    <mergeCell ref="M20:AL20"/>
    <mergeCell ref="AM20:AN22"/>
    <mergeCell ref="AO20:AP21"/>
    <mergeCell ref="BH17:BI19"/>
    <mergeCell ref="BJ17:BU18"/>
    <mergeCell ref="BV17:BX19"/>
    <mergeCell ref="F18:I18"/>
    <mergeCell ref="J18:T18"/>
    <mergeCell ref="X18:AA18"/>
    <mergeCell ref="AB18:AL18"/>
    <mergeCell ref="BJ19:BU19"/>
    <mergeCell ref="BB17:BB18"/>
    <mergeCell ref="BC17:BC18"/>
    <mergeCell ref="BD17:BD18"/>
    <mergeCell ref="BE17:BE18"/>
    <mergeCell ref="BF17:BF18"/>
    <mergeCell ref="BG17:BG18"/>
    <mergeCell ref="X17:AA17"/>
    <mergeCell ref="AB17:AL17"/>
    <mergeCell ref="AM17:AN19"/>
    <mergeCell ref="AO17:AP18"/>
    <mergeCell ref="AQ17:AZ18"/>
    <mergeCell ref="BA17:BA18"/>
    <mergeCell ref="BG14:BG15"/>
    <mergeCell ref="BH14:BI16"/>
    <mergeCell ref="BJ14:BU15"/>
    <mergeCell ref="BV14:BX16"/>
    <mergeCell ref="H15:AL15"/>
    <mergeCell ref="C16:I16"/>
    <mergeCell ref="J16:AL16"/>
    <mergeCell ref="AO16:AP16"/>
    <mergeCell ref="AQ16:BG16"/>
    <mergeCell ref="BJ16:BU16"/>
    <mergeCell ref="BA14:BA15"/>
    <mergeCell ref="BB14:BB15"/>
    <mergeCell ref="BC14:BC15"/>
    <mergeCell ref="BD14:BD15"/>
    <mergeCell ref="BE14:BE15"/>
    <mergeCell ref="BF14:BF15"/>
    <mergeCell ref="AG13:AH13"/>
    <mergeCell ref="AJ13:AK13"/>
    <mergeCell ref="AO13:AP13"/>
    <mergeCell ref="AQ13:BG13"/>
    <mergeCell ref="BJ13:BU13"/>
    <mergeCell ref="C14:G15"/>
    <mergeCell ref="I14:AL14"/>
    <mergeCell ref="AM14:AN16"/>
    <mergeCell ref="AO14:AP15"/>
    <mergeCell ref="AQ14:AZ15"/>
    <mergeCell ref="A13:B18"/>
    <mergeCell ref="C13:G13"/>
    <mergeCell ref="H13:T13"/>
    <mergeCell ref="U13:Y13"/>
    <mergeCell ref="Z13:AC13"/>
    <mergeCell ref="AD13:AE13"/>
    <mergeCell ref="C17:E18"/>
    <mergeCell ref="F17:I17"/>
    <mergeCell ref="J17:T17"/>
    <mergeCell ref="U17:W18"/>
    <mergeCell ref="BE11:BE12"/>
    <mergeCell ref="BF11:BF12"/>
    <mergeCell ref="BG11:BG12"/>
    <mergeCell ref="BH11:BI13"/>
    <mergeCell ref="BJ11:BU12"/>
    <mergeCell ref="BV11:BX13"/>
    <mergeCell ref="AM10:BX10"/>
    <mergeCell ref="Q11:U11"/>
    <mergeCell ref="V11:AL11"/>
    <mergeCell ref="AM11:AN13"/>
    <mergeCell ref="AO11:AP12"/>
    <mergeCell ref="AQ11:AZ12"/>
    <mergeCell ref="BA11:BA12"/>
    <mergeCell ref="BB11:BB12"/>
    <mergeCell ref="BC11:BC12"/>
    <mergeCell ref="BD11:BD12"/>
    <mergeCell ref="BV8:BX9"/>
    <mergeCell ref="AO9:AP9"/>
    <mergeCell ref="AQ9:BG9"/>
    <mergeCell ref="BJ9:BU9"/>
    <mergeCell ref="A10:P11"/>
    <mergeCell ref="Q10:U10"/>
    <mergeCell ref="V10:AB10"/>
    <mergeCell ref="AD10:AE10"/>
    <mergeCell ref="AG10:AH10"/>
    <mergeCell ref="AJ10:AK10"/>
    <mergeCell ref="BJ6:BU6"/>
    <mergeCell ref="BV6:BX7"/>
    <mergeCell ref="Q7:U7"/>
    <mergeCell ref="V7:AL7"/>
    <mergeCell ref="BJ7:BU7"/>
    <mergeCell ref="AM8:AN9"/>
    <mergeCell ref="AO8:AP8"/>
    <mergeCell ref="AQ8:BG8"/>
    <mergeCell ref="BH8:BI9"/>
    <mergeCell ref="BJ8:BU8"/>
    <mergeCell ref="AM3:BX5"/>
    <mergeCell ref="A5:AL5"/>
    <mergeCell ref="Q6:U6"/>
    <mergeCell ref="V6:AB6"/>
    <mergeCell ref="AD6:AE6"/>
    <mergeCell ref="AG6:AH6"/>
    <mergeCell ref="AJ6:AK6"/>
    <mergeCell ref="AM6:BB7"/>
    <mergeCell ref="BC6:BG7"/>
    <mergeCell ref="BH6:BI7"/>
    <mergeCell ref="A1:AL2"/>
    <mergeCell ref="AM1:BX2"/>
    <mergeCell ref="A3:B4"/>
    <mergeCell ref="C3:F4"/>
    <mergeCell ref="G3:J4"/>
    <mergeCell ref="K3:L4"/>
    <mergeCell ref="M3:P4"/>
    <mergeCell ref="Q3:S4"/>
    <mergeCell ref="T3:X4"/>
    <mergeCell ref="Y3:AL4"/>
  </mergeCells>
  <phoneticPr fontId="2"/>
  <conditionalFormatting sqref="D6:F6">
    <cfRule type="cellIs" dxfId="0" priority="1" operator="equal">
      <formula>"転入"</formula>
    </cfRule>
  </conditionalFormatting>
  <printOptions horizontalCentered="1"/>
  <pageMargins left="0.23622047244094491" right="0.11811023622047245" top="0.39370078740157483" bottom="0.39370078740157483" header="0.31496062992125984" footer="0.11811023622047245"/>
  <pageSetup paperSize="9" scale="56" orientation="landscape" r:id="rId1"/>
  <colBreaks count="1" manualBreakCount="1">
    <brk id="38" max="38"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0" tint="-0.34998626667073579"/>
  </sheetPr>
  <dimension ref="A1:B348"/>
  <sheetViews>
    <sheetView workbookViewId="0"/>
  </sheetViews>
  <sheetFormatPr defaultRowHeight="14" x14ac:dyDescent="0.2"/>
  <cols>
    <col min="1" max="1" width="4.5" style="14" customWidth="1"/>
    <col min="2" max="2" width="49.25" style="14" customWidth="1"/>
  </cols>
  <sheetData>
    <row r="1" spans="1:2" x14ac:dyDescent="0.2">
      <c r="A1" s="15">
        <v>1</v>
      </c>
      <c r="B1" s="16" t="s">
        <v>3</v>
      </c>
    </row>
    <row r="2" spans="1:2" x14ac:dyDescent="0.2">
      <c r="A2" s="15">
        <v>2</v>
      </c>
      <c r="B2" s="16" t="s">
        <v>4</v>
      </c>
    </row>
    <row r="3" spans="1:2" x14ac:dyDescent="0.2">
      <c r="A3" s="15">
        <v>3</v>
      </c>
      <c r="B3" s="16" t="s">
        <v>5</v>
      </c>
    </row>
    <row r="4" spans="1:2" x14ac:dyDescent="0.2">
      <c r="A4" s="15">
        <v>4</v>
      </c>
      <c r="B4" s="16" t="s">
        <v>6</v>
      </c>
    </row>
    <row r="5" spans="1:2" x14ac:dyDescent="0.2">
      <c r="A5" s="15">
        <v>5</v>
      </c>
      <c r="B5" s="16" t="s">
        <v>7</v>
      </c>
    </row>
    <row r="6" spans="1:2" x14ac:dyDescent="0.2">
      <c r="A6" s="15">
        <v>6</v>
      </c>
      <c r="B6" s="16" t="s">
        <v>8</v>
      </c>
    </row>
    <row r="7" spans="1:2" x14ac:dyDescent="0.2">
      <c r="A7" s="15">
        <v>7</v>
      </c>
      <c r="B7" s="16" t="s">
        <v>9</v>
      </c>
    </row>
    <row r="8" spans="1:2" x14ac:dyDescent="0.2">
      <c r="A8" s="15">
        <v>8</v>
      </c>
      <c r="B8" s="16" t="s">
        <v>10</v>
      </c>
    </row>
    <row r="9" spans="1:2" x14ac:dyDescent="0.2">
      <c r="A9" s="15">
        <v>9</v>
      </c>
      <c r="B9" s="16" t="s">
        <v>329</v>
      </c>
    </row>
    <row r="10" spans="1:2" x14ac:dyDescent="0.2">
      <c r="A10" s="15">
        <v>10</v>
      </c>
      <c r="B10" s="16" t="s">
        <v>11</v>
      </c>
    </row>
    <row r="11" spans="1:2" x14ac:dyDescent="0.2">
      <c r="A11" s="15">
        <v>11</v>
      </c>
      <c r="B11" s="16" t="s">
        <v>12</v>
      </c>
    </row>
    <row r="12" spans="1:2" x14ac:dyDescent="0.2">
      <c r="A12" s="15">
        <v>12</v>
      </c>
      <c r="B12" s="16" t="s">
        <v>190</v>
      </c>
    </row>
    <row r="13" spans="1:2" x14ac:dyDescent="0.2">
      <c r="A13" s="15">
        <v>13</v>
      </c>
      <c r="B13" s="16" t="s">
        <v>13</v>
      </c>
    </row>
    <row r="14" spans="1:2" x14ac:dyDescent="0.2">
      <c r="A14" s="15">
        <v>14</v>
      </c>
      <c r="B14" s="16" t="s">
        <v>14</v>
      </c>
    </row>
    <row r="15" spans="1:2" x14ac:dyDescent="0.2">
      <c r="A15" s="15">
        <v>15</v>
      </c>
      <c r="B15" s="16" t="s">
        <v>120</v>
      </c>
    </row>
    <row r="16" spans="1:2" x14ac:dyDescent="0.2">
      <c r="A16" s="15">
        <v>16</v>
      </c>
      <c r="B16" s="16" t="s">
        <v>191</v>
      </c>
    </row>
    <row r="17" spans="1:2" x14ac:dyDescent="0.2">
      <c r="A17" s="15">
        <v>17</v>
      </c>
      <c r="B17" s="16" t="s">
        <v>192</v>
      </c>
    </row>
    <row r="18" spans="1:2" x14ac:dyDescent="0.2">
      <c r="A18" s="15">
        <v>18</v>
      </c>
      <c r="B18" s="16" t="s">
        <v>330</v>
      </c>
    </row>
    <row r="19" spans="1:2" x14ac:dyDescent="0.2">
      <c r="A19" s="15">
        <v>19</v>
      </c>
      <c r="B19" s="16" t="s">
        <v>193</v>
      </c>
    </row>
    <row r="20" spans="1:2" x14ac:dyDescent="0.2">
      <c r="A20" s="15">
        <v>20</v>
      </c>
      <c r="B20" s="16" t="s">
        <v>194</v>
      </c>
    </row>
    <row r="21" spans="1:2" x14ac:dyDescent="0.2">
      <c r="A21" s="15">
        <v>21</v>
      </c>
      <c r="B21" s="16" t="s">
        <v>15</v>
      </c>
    </row>
    <row r="22" spans="1:2" x14ac:dyDescent="0.2">
      <c r="A22" s="15">
        <v>22</v>
      </c>
      <c r="B22" s="16" t="s">
        <v>331</v>
      </c>
    </row>
    <row r="23" spans="1:2" x14ac:dyDescent="0.2">
      <c r="A23" s="15">
        <v>23</v>
      </c>
      <c r="B23" s="16" t="s">
        <v>195</v>
      </c>
    </row>
    <row r="24" spans="1:2" x14ac:dyDescent="0.2">
      <c r="A24" s="15">
        <v>24</v>
      </c>
      <c r="B24" s="16" t="s">
        <v>16</v>
      </c>
    </row>
    <row r="25" spans="1:2" x14ac:dyDescent="0.2">
      <c r="A25" s="15">
        <v>25</v>
      </c>
      <c r="B25" s="16" t="s">
        <v>196</v>
      </c>
    </row>
    <row r="26" spans="1:2" x14ac:dyDescent="0.2">
      <c r="A26" s="15">
        <v>26</v>
      </c>
      <c r="B26" s="16" t="s">
        <v>17</v>
      </c>
    </row>
    <row r="27" spans="1:2" x14ac:dyDescent="0.2">
      <c r="A27" s="15">
        <v>27</v>
      </c>
      <c r="B27" s="16" t="s">
        <v>18</v>
      </c>
    </row>
    <row r="28" spans="1:2" x14ac:dyDescent="0.2">
      <c r="A28" s="15">
        <v>28</v>
      </c>
      <c r="B28" s="16" t="s">
        <v>197</v>
      </c>
    </row>
    <row r="29" spans="1:2" x14ac:dyDescent="0.2">
      <c r="A29" s="15">
        <v>29</v>
      </c>
      <c r="B29" s="16" t="s">
        <v>198</v>
      </c>
    </row>
    <row r="30" spans="1:2" x14ac:dyDescent="0.2">
      <c r="A30" s="15">
        <v>30</v>
      </c>
      <c r="B30" s="16" t="s">
        <v>199</v>
      </c>
    </row>
    <row r="31" spans="1:2" x14ac:dyDescent="0.2">
      <c r="A31" s="15">
        <v>31</v>
      </c>
      <c r="B31" s="16" t="s">
        <v>19</v>
      </c>
    </row>
    <row r="32" spans="1:2" x14ac:dyDescent="0.2">
      <c r="A32" s="15">
        <v>32</v>
      </c>
      <c r="B32" s="16" t="s">
        <v>20</v>
      </c>
    </row>
    <row r="33" spans="1:2" x14ac:dyDescent="0.2">
      <c r="A33" s="15">
        <v>33</v>
      </c>
      <c r="B33" s="16" t="s">
        <v>132</v>
      </c>
    </row>
    <row r="34" spans="1:2" x14ac:dyDescent="0.2">
      <c r="A34" s="15">
        <v>34</v>
      </c>
      <c r="B34" s="16" t="s">
        <v>21</v>
      </c>
    </row>
    <row r="35" spans="1:2" x14ac:dyDescent="0.2">
      <c r="A35" s="15">
        <v>35</v>
      </c>
      <c r="B35" s="16" t="s">
        <v>22</v>
      </c>
    </row>
    <row r="36" spans="1:2" x14ac:dyDescent="0.2">
      <c r="A36" s="15">
        <v>36</v>
      </c>
      <c r="B36" s="16" t="s">
        <v>133</v>
      </c>
    </row>
    <row r="37" spans="1:2" x14ac:dyDescent="0.2">
      <c r="A37" s="15">
        <v>37</v>
      </c>
      <c r="B37" s="16" t="s">
        <v>332</v>
      </c>
    </row>
    <row r="38" spans="1:2" x14ac:dyDescent="0.2">
      <c r="A38" s="15">
        <v>38</v>
      </c>
      <c r="B38" s="16" t="s">
        <v>333</v>
      </c>
    </row>
    <row r="39" spans="1:2" x14ac:dyDescent="0.2">
      <c r="A39" s="15">
        <v>39</v>
      </c>
      <c r="B39" s="16" t="s">
        <v>200</v>
      </c>
    </row>
    <row r="40" spans="1:2" x14ac:dyDescent="0.2">
      <c r="A40" s="15">
        <v>40</v>
      </c>
      <c r="B40" s="16" t="s">
        <v>201</v>
      </c>
    </row>
    <row r="41" spans="1:2" x14ac:dyDescent="0.2">
      <c r="A41" s="15">
        <v>41</v>
      </c>
      <c r="B41" s="16" t="s">
        <v>202</v>
      </c>
    </row>
    <row r="42" spans="1:2" x14ac:dyDescent="0.2">
      <c r="A42" s="15">
        <v>42</v>
      </c>
      <c r="B42" s="16" t="s">
        <v>203</v>
      </c>
    </row>
    <row r="43" spans="1:2" x14ac:dyDescent="0.2">
      <c r="A43" s="15">
        <v>43</v>
      </c>
      <c r="B43" s="16" t="s">
        <v>204</v>
      </c>
    </row>
    <row r="44" spans="1:2" x14ac:dyDescent="0.2">
      <c r="A44" s="15">
        <v>44</v>
      </c>
      <c r="B44" s="16" t="s">
        <v>205</v>
      </c>
    </row>
    <row r="45" spans="1:2" x14ac:dyDescent="0.2">
      <c r="A45" s="15">
        <v>45</v>
      </c>
      <c r="B45" s="16" t="s">
        <v>206</v>
      </c>
    </row>
    <row r="46" spans="1:2" x14ac:dyDescent="0.2">
      <c r="A46" s="15">
        <v>46</v>
      </c>
      <c r="B46" s="16" t="s">
        <v>23</v>
      </c>
    </row>
    <row r="47" spans="1:2" x14ac:dyDescent="0.2">
      <c r="A47" s="15">
        <v>47</v>
      </c>
      <c r="B47" s="16" t="s">
        <v>24</v>
      </c>
    </row>
    <row r="48" spans="1:2" x14ac:dyDescent="0.2">
      <c r="A48" s="15">
        <v>48</v>
      </c>
      <c r="B48" s="16" t="s">
        <v>207</v>
      </c>
    </row>
    <row r="49" spans="1:2" x14ac:dyDescent="0.2">
      <c r="A49" s="15">
        <v>49</v>
      </c>
      <c r="B49" s="16" t="s">
        <v>134</v>
      </c>
    </row>
    <row r="50" spans="1:2" x14ac:dyDescent="0.2">
      <c r="A50" s="15">
        <v>50</v>
      </c>
      <c r="B50" s="16" t="s">
        <v>135</v>
      </c>
    </row>
    <row r="51" spans="1:2" x14ac:dyDescent="0.2">
      <c r="A51" s="15">
        <v>51</v>
      </c>
      <c r="B51" s="16" t="s">
        <v>334</v>
      </c>
    </row>
    <row r="52" spans="1:2" x14ac:dyDescent="0.2">
      <c r="A52" s="15">
        <v>52</v>
      </c>
      <c r="B52" s="16" t="s">
        <v>136</v>
      </c>
    </row>
    <row r="53" spans="1:2" x14ac:dyDescent="0.2">
      <c r="A53" s="15">
        <v>53</v>
      </c>
      <c r="B53" s="16" t="s">
        <v>335</v>
      </c>
    </row>
    <row r="54" spans="1:2" x14ac:dyDescent="0.2">
      <c r="A54" s="15">
        <v>54</v>
      </c>
      <c r="B54" s="16" t="s">
        <v>137</v>
      </c>
    </row>
    <row r="55" spans="1:2" x14ac:dyDescent="0.2">
      <c r="A55" s="15">
        <v>55</v>
      </c>
      <c r="B55" s="16" t="s">
        <v>208</v>
      </c>
    </row>
    <row r="56" spans="1:2" x14ac:dyDescent="0.2">
      <c r="A56" s="15">
        <v>56</v>
      </c>
      <c r="B56" s="16" t="s">
        <v>138</v>
      </c>
    </row>
    <row r="57" spans="1:2" x14ac:dyDescent="0.2">
      <c r="A57" s="15">
        <v>57</v>
      </c>
      <c r="B57" s="16" t="s">
        <v>139</v>
      </c>
    </row>
    <row r="58" spans="1:2" x14ac:dyDescent="0.2">
      <c r="A58" s="15">
        <v>58</v>
      </c>
      <c r="B58" s="16" t="s">
        <v>140</v>
      </c>
    </row>
    <row r="59" spans="1:2" x14ac:dyDescent="0.2">
      <c r="A59" s="15">
        <v>59</v>
      </c>
      <c r="B59" s="16" t="s">
        <v>141</v>
      </c>
    </row>
    <row r="60" spans="1:2" x14ac:dyDescent="0.2">
      <c r="A60" s="15">
        <v>60</v>
      </c>
      <c r="B60" s="16" t="s">
        <v>142</v>
      </c>
    </row>
    <row r="61" spans="1:2" x14ac:dyDescent="0.2">
      <c r="A61" s="15">
        <v>61</v>
      </c>
      <c r="B61" s="16" t="s">
        <v>209</v>
      </c>
    </row>
    <row r="62" spans="1:2" x14ac:dyDescent="0.2">
      <c r="A62" s="15">
        <v>62</v>
      </c>
      <c r="B62" s="16" t="s">
        <v>210</v>
      </c>
    </row>
    <row r="63" spans="1:2" x14ac:dyDescent="0.2">
      <c r="A63" s="15">
        <v>63</v>
      </c>
      <c r="B63" s="16" t="s">
        <v>25</v>
      </c>
    </row>
    <row r="64" spans="1:2" x14ac:dyDescent="0.2">
      <c r="A64" s="15">
        <v>64</v>
      </c>
      <c r="B64" s="16" t="s">
        <v>26</v>
      </c>
    </row>
    <row r="65" spans="1:2" x14ac:dyDescent="0.2">
      <c r="A65" s="15">
        <v>65</v>
      </c>
      <c r="B65" s="16" t="s">
        <v>27</v>
      </c>
    </row>
    <row r="66" spans="1:2" x14ac:dyDescent="0.2">
      <c r="A66" s="15">
        <v>66</v>
      </c>
      <c r="B66" s="16" t="s">
        <v>336</v>
      </c>
    </row>
    <row r="67" spans="1:2" x14ac:dyDescent="0.2">
      <c r="A67" s="15">
        <v>67</v>
      </c>
      <c r="B67" s="16" t="s">
        <v>28</v>
      </c>
    </row>
    <row r="68" spans="1:2" x14ac:dyDescent="0.2">
      <c r="A68" s="15">
        <v>68</v>
      </c>
      <c r="B68" s="16" t="s">
        <v>29</v>
      </c>
    </row>
    <row r="69" spans="1:2" x14ac:dyDescent="0.2">
      <c r="A69" s="15">
        <v>69</v>
      </c>
      <c r="B69" s="16" t="s">
        <v>337</v>
      </c>
    </row>
    <row r="70" spans="1:2" x14ac:dyDescent="0.2">
      <c r="A70" s="15">
        <v>70</v>
      </c>
      <c r="B70" s="16" t="s">
        <v>30</v>
      </c>
    </row>
    <row r="71" spans="1:2" x14ac:dyDescent="0.2">
      <c r="A71" s="15">
        <v>71</v>
      </c>
      <c r="B71" s="16" t="s">
        <v>31</v>
      </c>
    </row>
    <row r="72" spans="1:2" x14ac:dyDescent="0.2">
      <c r="A72" s="15">
        <v>72</v>
      </c>
      <c r="B72" s="16" t="s">
        <v>211</v>
      </c>
    </row>
    <row r="73" spans="1:2" x14ac:dyDescent="0.2">
      <c r="A73" s="15">
        <v>73</v>
      </c>
      <c r="B73" s="16" t="s">
        <v>212</v>
      </c>
    </row>
    <row r="74" spans="1:2" x14ac:dyDescent="0.2">
      <c r="A74" s="15">
        <v>74</v>
      </c>
      <c r="B74" s="16" t="s">
        <v>213</v>
      </c>
    </row>
    <row r="75" spans="1:2" x14ac:dyDescent="0.2">
      <c r="A75" s="15">
        <v>75</v>
      </c>
      <c r="B75" s="16" t="s">
        <v>338</v>
      </c>
    </row>
    <row r="76" spans="1:2" x14ac:dyDescent="0.2">
      <c r="A76" s="15">
        <v>76</v>
      </c>
      <c r="B76" s="16" t="s">
        <v>214</v>
      </c>
    </row>
    <row r="77" spans="1:2" x14ac:dyDescent="0.2">
      <c r="A77" s="15">
        <v>77</v>
      </c>
      <c r="B77" s="16" t="s">
        <v>215</v>
      </c>
    </row>
    <row r="78" spans="1:2" x14ac:dyDescent="0.2">
      <c r="A78" s="15">
        <v>78</v>
      </c>
      <c r="B78" s="16" t="s">
        <v>339</v>
      </c>
    </row>
    <row r="79" spans="1:2" x14ac:dyDescent="0.2">
      <c r="A79" s="15">
        <v>79</v>
      </c>
      <c r="B79" s="16" t="s">
        <v>340</v>
      </c>
    </row>
    <row r="80" spans="1:2" x14ac:dyDescent="0.2">
      <c r="A80" s="15">
        <v>80</v>
      </c>
      <c r="B80" s="16" t="s">
        <v>216</v>
      </c>
    </row>
    <row r="81" spans="1:2" x14ac:dyDescent="0.2">
      <c r="A81" s="15">
        <v>81</v>
      </c>
      <c r="B81" s="16" t="s">
        <v>217</v>
      </c>
    </row>
    <row r="82" spans="1:2" x14ac:dyDescent="0.2">
      <c r="A82" s="15">
        <v>82</v>
      </c>
      <c r="B82" s="16" t="s">
        <v>218</v>
      </c>
    </row>
    <row r="83" spans="1:2" x14ac:dyDescent="0.2">
      <c r="A83" s="15">
        <v>83</v>
      </c>
      <c r="B83" s="16" t="s">
        <v>341</v>
      </c>
    </row>
    <row r="84" spans="1:2" x14ac:dyDescent="0.2">
      <c r="A84" s="15">
        <v>84</v>
      </c>
      <c r="B84" s="16" t="s">
        <v>32</v>
      </c>
    </row>
    <row r="85" spans="1:2" x14ac:dyDescent="0.2">
      <c r="A85" s="15">
        <v>85</v>
      </c>
      <c r="B85" s="16" t="s">
        <v>342</v>
      </c>
    </row>
    <row r="86" spans="1:2" x14ac:dyDescent="0.2">
      <c r="A86" s="15">
        <v>86</v>
      </c>
      <c r="B86" s="16" t="s">
        <v>33</v>
      </c>
    </row>
    <row r="87" spans="1:2" x14ac:dyDescent="0.2">
      <c r="A87" s="15">
        <v>87</v>
      </c>
      <c r="B87" s="16" t="s">
        <v>34</v>
      </c>
    </row>
    <row r="88" spans="1:2" x14ac:dyDescent="0.2">
      <c r="A88" s="15">
        <v>88</v>
      </c>
      <c r="B88" s="16" t="s">
        <v>35</v>
      </c>
    </row>
    <row r="89" spans="1:2" x14ac:dyDescent="0.2">
      <c r="A89" s="15">
        <v>89</v>
      </c>
      <c r="B89" s="16" t="s">
        <v>219</v>
      </c>
    </row>
    <row r="90" spans="1:2" x14ac:dyDescent="0.2">
      <c r="A90" s="15">
        <v>90</v>
      </c>
      <c r="B90" s="16" t="s">
        <v>36</v>
      </c>
    </row>
    <row r="91" spans="1:2" x14ac:dyDescent="0.2">
      <c r="A91" s="15">
        <v>91</v>
      </c>
      <c r="B91" s="16" t="s">
        <v>37</v>
      </c>
    </row>
    <row r="92" spans="1:2" x14ac:dyDescent="0.2">
      <c r="A92" s="15">
        <v>92</v>
      </c>
      <c r="B92" s="16" t="s">
        <v>38</v>
      </c>
    </row>
    <row r="93" spans="1:2" x14ac:dyDescent="0.2">
      <c r="A93" s="15">
        <v>93</v>
      </c>
      <c r="B93" s="16" t="s">
        <v>343</v>
      </c>
    </row>
    <row r="94" spans="1:2" x14ac:dyDescent="0.2">
      <c r="A94" s="15">
        <v>94</v>
      </c>
      <c r="B94" s="16" t="s">
        <v>344</v>
      </c>
    </row>
    <row r="95" spans="1:2" x14ac:dyDescent="0.2">
      <c r="A95" s="15">
        <v>95</v>
      </c>
      <c r="B95" s="16" t="s">
        <v>39</v>
      </c>
    </row>
    <row r="96" spans="1:2" x14ac:dyDescent="0.2">
      <c r="A96" s="15">
        <v>96</v>
      </c>
      <c r="B96" s="16" t="s">
        <v>40</v>
      </c>
    </row>
    <row r="97" spans="1:2" x14ac:dyDescent="0.2">
      <c r="A97" s="15">
        <v>97</v>
      </c>
      <c r="B97" s="16" t="s">
        <v>41</v>
      </c>
    </row>
    <row r="98" spans="1:2" x14ac:dyDescent="0.2">
      <c r="A98" s="15">
        <v>98</v>
      </c>
      <c r="B98" s="16" t="s">
        <v>220</v>
      </c>
    </row>
    <row r="99" spans="1:2" x14ac:dyDescent="0.2">
      <c r="A99" s="15">
        <v>99</v>
      </c>
      <c r="B99" s="16" t="s">
        <v>221</v>
      </c>
    </row>
    <row r="100" spans="1:2" x14ac:dyDescent="0.2">
      <c r="A100" s="15">
        <v>100</v>
      </c>
      <c r="B100" s="16" t="s">
        <v>222</v>
      </c>
    </row>
    <row r="101" spans="1:2" x14ac:dyDescent="0.2">
      <c r="A101" s="15">
        <v>101</v>
      </c>
      <c r="B101" s="16" t="s">
        <v>42</v>
      </c>
    </row>
    <row r="102" spans="1:2" x14ac:dyDescent="0.2">
      <c r="A102" s="15">
        <v>102</v>
      </c>
      <c r="B102" s="16" t="s">
        <v>43</v>
      </c>
    </row>
    <row r="103" spans="1:2" x14ac:dyDescent="0.2">
      <c r="A103" s="15">
        <v>103</v>
      </c>
      <c r="B103" s="16" t="s">
        <v>44</v>
      </c>
    </row>
    <row r="104" spans="1:2" x14ac:dyDescent="0.2">
      <c r="A104" s="15">
        <v>104</v>
      </c>
      <c r="B104" s="16" t="s">
        <v>45</v>
      </c>
    </row>
    <row r="105" spans="1:2" x14ac:dyDescent="0.2">
      <c r="A105" s="15">
        <v>105</v>
      </c>
      <c r="B105" s="16" t="s">
        <v>345</v>
      </c>
    </row>
    <row r="106" spans="1:2" x14ac:dyDescent="0.2">
      <c r="A106" s="15">
        <v>106</v>
      </c>
      <c r="B106" s="16" t="s">
        <v>223</v>
      </c>
    </row>
    <row r="107" spans="1:2" x14ac:dyDescent="0.2">
      <c r="A107" s="15">
        <v>107</v>
      </c>
      <c r="B107" s="16" t="s">
        <v>346</v>
      </c>
    </row>
    <row r="108" spans="1:2" x14ac:dyDescent="0.2">
      <c r="A108" s="15">
        <v>108</v>
      </c>
      <c r="B108" s="16" t="s">
        <v>46</v>
      </c>
    </row>
    <row r="109" spans="1:2" x14ac:dyDescent="0.2">
      <c r="A109" s="15">
        <v>109</v>
      </c>
      <c r="B109" s="16" t="s">
        <v>224</v>
      </c>
    </row>
    <row r="110" spans="1:2" x14ac:dyDescent="0.2">
      <c r="A110" s="15">
        <v>110</v>
      </c>
      <c r="B110" s="16" t="s">
        <v>47</v>
      </c>
    </row>
    <row r="111" spans="1:2" x14ac:dyDescent="0.2">
      <c r="A111" s="15">
        <v>111</v>
      </c>
      <c r="B111" s="16" t="s">
        <v>56</v>
      </c>
    </row>
    <row r="112" spans="1:2" x14ac:dyDescent="0.2">
      <c r="A112" s="15">
        <v>112</v>
      </c>
      <c r="B112" s="16" t="s">
        <v>57</v>
      </c>
    </row>
    <row r="113" spans="1:2" x14ac:dyDescent="0.2">
      <c r="A113" s="15">
        <v>113</v>
      </c>
      <c r="B113" s="16" t="s">
        <v>58</v>
      </c>
    </row>
    <row r="114" spans="1:2" x14ac:dyDescent="0.2">
      <c r="A114" s="15">
        <v>114</v>
      </c>
      <c r="B114" s="16" t="s">
        <v>59</v>
      </c>
    </row>
    <row r="115" spans="1:2" x14ac:dyDescent="0.2">
      <c r="A115" s="15">
        <v>115</v>
      </c>
      <c r="B115" s="16" t="s">
        <v>225</v>
      </c>
    </row>
    <row r="116" spans="1:2" x14ac:dyDescent="0.2">
      <c r="A116" s="15">
        <v>116</v>
      </c>
      <c r="B116" s="16" t="s">
        <v>60</v>
      </c>
    </row>
    <row r="117" spans="1:2" x14ac:dyDescent="0.2">
      <c r="A117" s="15">
        <v>117</v>
      </c>
      <c r="B117" s="16" t="s">
        <v>61</v>
      </c>
    </row>
    <row r="118" spans="1:2" x14ac:dyDescent="0.2">
      <c r="A118" s="15">
        <v>118</v>
      </c>
      <c r="B118" s="16" t="s">
        <v>62</v>
      </c>
    </row>
    <row r="119" spans="1:2" x14ac:dyDescent="0.2">
      <c r="A119" s="15">
        <v>119</v>
      </c>
      <c r="B119" s="16" t="s">
        <v>226</v>
      </c>
    </row>
    <row r="120" spans="1:2" x14ac:dyDescent="0.2">
      <c r="A120" s="15">
        <v>120</v>
      </c>
      <c r="B120" s="16" t="s">
        <v>63</v>
      </c>
    </row>
    <row r="121" spans="1:2" x14ac:dyDescent="0.2">
      <c r="A121" s="15">
        <v>121</v>
      </c>
      <c r="B121" s="16" t="s">
        <v>64</v>
      </c>
    </row>
    <row r="122" spans="1:2" x14ac:dyDescent="0.2">
      <c r="A122" s="15">
        <v>122</v>
      </c>
      <c r="B122" s="16" t="s">
        <v>65</v>
      </c>
    </row>
    <row r="123" spans="1:2" x14ac:dyDescent="0.2">
      <c r="A123" s="15">
        <v>123</v>
      </c>
      <c r="B123" s="16" t="s">
        <v>66</v>
      </c>
    </row>
    <row r="124" spans="1:2" x14ac:dyDescent="0.2">
      <c r="A124" s="15">
        <v>124</v>
      </c>
      <c r="B124" s="16" t="s">
        <v>67</v>
      </c>
    </row>
    <row r="125" spans="1:2" x14ac:dyDescent="0.2">
      <c r="A125" s="15">
        <v>125</v>
      </c>
      <c r="B125" s="16" t="s">
        <v>68</v>
      </c>
    </row>
    <row r="126" spans="1:2" x14ac:dyDescent="0.2">
      <c r="A126" s="15">
        <v>126</v>
      </c>
      <c r="B126" s="16" t="s">
        <v>227</v>
      </c>
    </row>
    <row r="127" spans="1:2" x14ac:dyDescent="0.2">
      <c r="A127" s="15">
        <v>127</v>
      </c>
      <c r="B127" s="16" t="s">
        <v>228</v>
      </c>
    </row>
    <row r="128" spans="1:2" x14ac:dyDescent="0.2">
      <c r="A128" s="15">
        <v>128</v>
      </c>
      <c r="B128" s="16" t="s">
        <v>69</v>
      </c>
    </row>
    <row r="129" spans="1:2" x14ac:dyDescent="0.2">
      <c r="A129" s="15">
        <v>129</v>
      </c>
      <c r="B129" s="16" t="s">
        <v>347</v>
      </c>
    </row>
    <row r="130" spans="1:2" x14ac:dyDescent="0.2">
      <c r="A130" s="15">
        <v>130</v>
      </c>
      <c r="B130" s="16" t="s">
        <v>70</v>
      </c>
    </row>
    <row r="131" spans="1:2" x14ac:dyDescent="0.2">
      <c r="A131" s="15">
        <v>131</v>
      </c>
      <c r="B131" s="16" t="s">
        <v>71</v>
      </c>
    </row>
    <row r="132" spans="1:2" x14ac:dyDescent="0.2">
      <c r="A132" s="15">
        <v>132</v>
      </c>
      <c r="B132" s="16" t="s">
        <v>72</v>
      </c>
    </row>
    <row r="133" spans="1:2" x14ac:dyDescent="0.2">
      <c r="A133" s="15">
        <v>133</v>
      </c>
      <c r="B133" s="16" t="s">
        <v>73</v>
      </c>
    </row>
    <row r="134" spans="1:2" x14ac:dyDescent="0.2">
      <c r="A134" s="15">
        <v>134</v>
      </c>
      <c r="B134" s="16" t="s">
        <v>348</v>
      </c>
    </row>
    <row r="135" spans="1:2" x14ac:dyDescent="0.2">
      <c r="A135" s="15">
        <v>135</v>
      </c>
      <c r="B135" s="16" t="s">
        <v>74</v>
      </c>
    </row>
    <row r="136" spans="1:2" x14ac:dyDescent="0.2">
      <c r="A136" s="15">
        <v>136</v>
      </c>
      <c r="B136" s="16" t="s">
        <v>75</v>
      </c>
    </row>
    <row r="137" spans="1:2" x14ac:dyDescent="0.2">
      <c r="A137" s="15">
        <v>137</v>
      </c>
      <c r="B137" s="16" t="s">
        <v>76</v>
      </c>
    </row>
    <row r="138" spans="1:2" x14ac:dyDescent="0.2">
      <c r="A138" s="15">
        <v>138</v>
      </c>
      <c r="B138" s="16" t="s">
        <v>77</v>
      </c>
    </row>
    <row r="139" spans="1:2" x14ac:dyDescent="0.2">
      <c r="A139" s="15">
        <v>139</v>
      </c>
      <c r="B139" s="16" t="s">
        <v>78</v>
      </c>
    </row>
    <row r="140" spans="1:2" x14ac:dyDescent="0.2">
      <c r="A140" s="15">
        <v>140</v>
      </c>
      <c r="B140" s="16" t="s">
        <v>79</v>
      </c>
    </row>
    <row r="141" spans="1:2" x14ac:dyDescent="0.2">
      <c r="A141" s="15">
        <v>141</v>
      </c>
      <c r="B141" s="16" t="s">
        <v>80</v>
      </c>
    </row>
    <row r="142" spans="1:2" x14ac:dyDescent="0.2">
      <c r="A142" s="15">
        <v>142</v>
      </c>
      <c r="B142" s="16" t="s">
        <v>81</v>
      </c>
    </row>
    <row r="143" spans="1:2" x14ac:dyDescent="0.2">
      <c r="A143" s="15">
        <v>143</v>
      </c>
      <c r="B143" s="16" t="s">
        <v>82</v>
      </c>
    </row>
    <row r="144" spans="1:2" x14ac:dyDescent="0.2">
      <c r="A144" s="15">
        <v>144</v>
      </c>
      <c r="B144" s="16" t="s">
        <v>229</v>
      </c>
    </row>
    <row r="145" spans="1:2" x14ac:dyDescent="0.2">
      <c r="A145" s="15">
        <v>145</v>
      </c>
      <c r="B145" s="16" t="s">
        <v>83</v>
      </c>
    </row>
    <row r="146" spans="1:2" x14ac:dyDescent="0.2">
      <c r="A146" s="15">
        <v>146</v>
      </c>
      <c r="B146" s="16" t="s">
        <v>84</v>
      </c>
    </row>
    <row r="147" spans="1:2" x14ac:dyDescent="0.2">
      <c r="A147" s="15">
        <v>147</v>
      </c>
      <c r="B147" s="16" t="s">
        <v>85</v>
      </c>
    </row>
    <row r="148" spans="1:2" x14ac:dyDescent="0.2">
      <c r="A148" s="15">
        <v>148</v>
      </c>
      <c r="B148" s="16" t="s">
        <v>86</v>
      </c>
    </row>
    <row r="149" spans="1:2" x14ac:dyDescent="0.2">
      <c r="A149" s="15">
        <v>149</v>
      </c>
      <c r="B149" s="16" t="s">
        <v>87</v>
      </c>
    </row>
    <row r="150" spans="1:2" x14ac:dyDescent="0.2">
      <c r="A150" s="15">
        <v>150</v>
      </c>
      <c r="B150" s="16" t="s">
        <v>88</v>
      </c>
    </row>
    <row r="151" spans="1:2" x14ac:dyDescent="0.2">
      <c r="A151" s="15">
        <v>151</v>
      </c>
      <c r="B151" s="16" t="s">
        <v>89</v>
      </c>
    </row>
    <row r="152" spans="1:2" x14ac:dyDescent="0.2">
      <c r="A152" s="15">
        <v>152</v>
      </c>
      <c r="B152" s="16" t="s">
        <v>349</v>
      </c>
    </row>
    <row r="153" spans="1:2" x14ac:dyDescent="0.2">
      <c r="A153" s="15">
        <v>153</v>
      </c>
      <c r="B153" s="16" t="s">
        <v>90</v>
      </c>
    </row>
    <row r="154" spans="1:2" x14ac:dyDescent="0.2">
      <c r="A154" s="15">
        <v>154</v>
      </c>
      <c r="B154" s="16" t="s">
        <v>91</v>
      </c>
    </row>
    <row r="155" spans="1:2" x14ac:dyDescent="0.2">
      <c r="A155" s="15">
        <v>155</v>
      </c>
      <c r="B155" s="16" t="s">
        <v>92</v>
      </c>
    </row>
    <row r="156" spans="1:2" x14ac:dyDescent="0.2">
      <c r="A156" s="15">
        <v>156</v>
      </c>
      <c r="B156" s="16" t="s">
        <v>93</v>
      </c>
    </row>
    <row r="157" spans="1:2" x14ac:dyDescent="0.2">
      <c r="A157" s="15">
        <v>157</v>
      </c>
      <c r="B157" s="16" t="s">
        <v>94</v>
      </c>
    </row>
    <row r="158" spans="1:2" x14ac:dyDescent="0.2">
      <c r="A158" s="15">
        <v>158</v>
      </c>
      <c r="B158" s="16" t="s">
        <v>230</v>
      </c>
    </row>
    <row r="159" spans="1:2" x14ac:dyDescent="0.2">
      <c r="A159" s="15">
        <v>159</v>
      </c>
      <c r="B159" s="16" t="s">
        <v>231</v>
      </c>
    </row>
    <row r="160" spans="1:2" x14ac:dyDescent="0.2">
      <c r="A160" s="15">
        <v>160</v>
      </c>
      <c r="B160" s="16" t="s">
        <v>232</v>
      </c>
    </row>
    <row r="161" spans="1:2" x14ac:dyDescent="0.2">
      <c r="A161" s="15">
        <v>161</v>
      </c>
      <c r="B161" s="16" t="s">
        <v>233</v>
      </c>
    </row>
    <row r="162" spans="1:2" x14ac:dyDescent="0.2">
      <c r="A162" s="15">
        <v>162</v>
      </c>
      <c r="B162" s="16" t="s">
        <v>350</v>
      </c>
    </row>
    <row r="163" spans="1:2" x14ac:dyDescent="0.2">
      <c r="A163" s="15">
        <v>163</v>
      </c>
      <c r="B163" s="16" t="s">
        <v>234</v>
      </c>
    </row>
    <row r="164" spans="1:2" x14ac:dyDescent="0.2">
      <c r="A164" s="15">
        <v>164</v>
      </c>
      <c r="B164" s="16" t="s">
        <v>235</v>
      </c>
    </row>
    <row r="165" spans="1:2" x14ac:dyDescent="0.2">
      <c r="A165" s="15">
        <v>165</v>
      </c>
      <c r="B165" s="16" t="s">
        <v>236</v>
      </c>
    </row>
    <row r="166" spans="1:2" x14ac:dyDescent="0.2">
      <c r="A166" s="15">
        <v>166</v>
      </c>
      <c r="B166" s="16" t="s">
        <v>237</v>
      </c>
    </row>
    <row r="167" spans="1:2" x14ac:dyDescent="0.2">
      <c r="A167" s="15">
        <v>167</v>
      </c>
      <c r="B167" s="16" t="s">
        <v>238</v>
      </c>
    </row>
    <row r="168" spans="1:2" x14ac:dyDescent="0.2">
      <c r="A168" s="15">
        <v>168</v>
      </c>
      <c r="B168" s="16" t="s">
        <v>239</v>
      </c>
    </row>
    <row r="169" spans="1:2" x14ac:dyDescent="0.2">
      <c r="A169" s="15">
        <v>169</v>
      </c>
      <c r="B169" s="16" t="s">
        <v>240</v>
      </c>
    </row>
    <row r="170" spans="1:2" x14ac:dyDescent="0.2">
      <c r="A170" s="15">
        <v>170</v>
      </c>
      <c r="B170" s="16" t="s">
        <v>241</v>
      </c>
    </row>
    <row r="171" spans="1:2" x14ac:dyDescent="0.2">
      <c r="A171" s="15">
        <v>171</v>
      </c>
      <c r="B171" s="16" t="s">
        <v>95</v>
      </c>
    </row>
    <row r="172" spans="1:2" x14ac:dyDescent="0.2">
      <c r="A172" s="15">
        <v>172</v>
      </c>
      <c r="B172" s="16" t="s">
        <v>242</v>
      </c>
    </row>
    <row r="173" spans="1:2" x14ac:dyDescent="0.2">
      <c r="A173" s="15">
        <v>173</v>
      </c>
      <c r="B173" s="16" t="s">
        <v>243</v>
      </c>
    </row>
    <row r="174" spans="1:2" x14ac:dyDescent="0.2">
      <c r="A174" s="15">
        <v>174</v>
      </c>
      <c r="B174" s="16" t="s">
        <v>244</v>
      </c>
    </row>
    <row r="175" spans="1:2" x14ac:dyDescent="0.2">
      <c r="A175" s="15">
        <v>175</v>
      </c>
      <c r="B175" s="16" t="s">
        <v>245</v>
      </c>
    </row>
    <row r="176" spans="1:2" x14ac:dyDescent="0.2">
      <c r="A176" s="15">
        <v>176</v>
      </c>
      <c r="B176" s="16" t="s">
        <v>96</v>
      </c>
    </row>
    <row r="177" spans="1:2" x14ac:dyDescent="0.2">
      <c r="A177" s="15">
        <v>177</v>
      </c>
      <c r="B177" s="16" t="s">
        <v>351</v>
      </c>
    </row>
    <row r="178" spans="1:2" x14ac:dyDescent="0.2">
      <c r="A178" s="15">
        <v>178</v>
      </c>
      <c r="B178" s="16" t="s">
        <v>246</v>
      </c>
    </row>
    <row r="179" spans="1:2" x14ac:dyDescent="0.2">
      <c r="A179" s="15">
        <v>179</v>
      </c>
      <c r="B179" s="16" t="s">
        <v>247</v>
      </c>
    </row>
    <row r="180" spans="1:2" x14ac:dyDescent="0.2">
      <c r="A180" s="15">
        <v>180</v>
      </c>
      <c r="B180" s="16" t="s">
        <v>352</v>
      </c>
    </row>
    <row r="181" spans="1:2" x14ac:dyDescent="0.2">
      <c r="A181" s="15">
        <v>181</v>
      </c>
      <c r="B181" s="16" t="s">
        <v>248</v>
      </c>
    </row>
    <row r="182" spans="1:2" x14ac:dyDescent="0.2">
      <c r="A182" s="15">
        <v>182</v>
      </c>
      <c r="B182" s="16" t="s">
        <v>249</v>
      </c>
    </row>
    <row r="183" spans="1:2" x14ac:dyDescent="0.2">
      <c r="A183" s="15">
        <v>183</v>
      </c>
      <c r="B183" s="16" t="s">
        <v>250</v>
      </c>
    </row>
    <row r="184" spans="1:2" x14ac:dyDescent="0.2">
      <c r="A184" s="15">
        <v>184</v>
      </c>
      <c r="B184" s="16" t="s">
        <v>251</v>
      </c>
    </row>
    <row r="185" spans="1:2" x14ac:dyDescent="0.2">
      <c r="A185" s="15">
        <v>185</v>
      </c>
      <c r="B185" s="16" t="s">
        <v>252</v>
      </c>
    </row>
    <row r="186" spans="1:2" x14ac:dyDescent="0.2">
      <c r="A186" s="15">
        <v>186</v>
      </c>
      <c r="B186" s="16" t="s">
        <v>253</v>
      </c>
    </row>
    <row r="187" spans="1:2" x14ac:dyDescent="0.2">
      <c r="A187" s="15">
        <v>187</v>
      </c>
      <c r="B187" s="16" t="s">
        <v>254</v>
      </c>
    </row>
    <row r="188" spans="1:2" x14ac:dyDescent="0.2">
      <c r="A188" s="15">
        <v>188</v>
      </c>
      <c r="B188" s="16" t="s">
        <v>97</v>
      </c>
    </row>
    <row r="189" spans="1:2" x14ac:dyDescent="0.2">
      <c r="A189" s="15">
        <v>189</v>
      </c>
      <c r="B189" s="16" t="s">
        <v>98</v>
      </c>
    </row>
    <row r="190" spans="1:2" x14ac:dyDescent="0.2">
      <c r="A190" s="15">
        <v>190</v>
      </c>
      <c r="B190" s="16" t="s">
        <v>255</v>
      </c>
    </row>
    <row r="191" spans="1:2" x14ac:dyDescent="0.2">
      <c r="A191" s="15">
        <v>191</v>
      </c>
      <c r="B191" s="16" t="s">
        <v>256</v>
      </c>
    </row>
    <row r="192" spans="1:2" x14ac:dyDescent="0.2">
      <c r="A192" s="15">
        <v>192</v>
      </c>
      <c r="B192" s="16" t="s">
        <v>257</v>
      </c>
    </row>
    <row r="193" spans="1:2" x14ac:dyDescent="0.2">
      <c r="A193" s="15">
        <v>193</v>
      </c>
      <c r="B193" s="16" t="s">
        <v>258</v>
      </c>
    </row>
    <row r="194" spans="1:2" x14ac:dyDescent="0.2">
      <c r="A194" s="15">
        <v>194</v>
      </c>
      <c r="B194" s="16" t="s">
        <v>259</v>
      </c>
    </row>
    <row r="195" spans="1:2" x14ac:dyDescent="0.2">
      <c r="A195" s="15">
        <v>195</v>
      </c>
      <c r="B195" s="16" t="s">
        <v>260</v>
      </c>
    </row>
    <row r="196" spans="1:2" x14ac:dyDescent="0.2">
      <c r="A196" s="15">
        <v>196</v>
      </c>
      <c r="B196" s="16" t="s">
        <v>261</v>
      </c>
    </row>
    <row r="197" spans="1:2" x14ac:dyDescent="0.2">
      <c r="A197" s="15">
        <v>197</v>
      </c>
      <c r="B197" s="16" t="s">
        <v>353</v>
      </c>
    </row>
    <row r="198" spans="1:2" x14ac:dyDescent="0.2">
      <c r="A198" s="15">
        <v>198</v>
      </c>
      <c r="B198" s="16" t="s">
        <v>354</v>
      </c>
    </row>
    <row r="199" spans="1:2" x14ac:dyDescent="0.2">
      <c r="A199" s="15">
        <v>199</v>
      </c>
      <c r="B199" s="16" t="s">
        <v>355</v>
      </c>
    </row>
    <row r="200" spans="1:2" x14ac:dyDescent="0.2">
      <c r="A200" s="15">
        <v>200</v>
      </c>
      <c r="B200" s="16" t="s">
        <v>262</v>
      </c>
    </row>
    <row r="201" spans="1:2" x14ac:dyDescent="0.2">
      <c r="A201" s="15">
        <v>201</v>
      </c>
      <c r="B201" s="16" t="s">
        <v>263</v>
      </c>
    </row>
    <row r="202" spans="1:2" x14ac:dyDescent="0.2">
      <c r="A202" s="15">
        <v>202</v>
      </c>
      <c r="B202" s="16" t="s">
        <v>264</v>
      </c>
    </row>
    <row r="203" spans="1:2" x14ac:dyDescent="0.2">
      <c r="A203" s="15">
        <v>203</v>
      </c>
      <c r="B203" s="16" t="s">
        <v>99</v>
      </c>
    </row>
    <row r="204" spans="1:2" x14ac:dyDescent="0.2">
      <c r="A204" s="15">
        <v>204</v>
      </c>
      <c r="B204" s="16" t="s">
        <v>265</v>
      </c>
    </row>
    <row r="205" spans="1:2" x14ac:dyDescent="0.2">
      <c r="A205" s="15">
        <v>205</v>
      </c>
      <c r="B205" s="16" t="s">
        <v>356</v>
      </c>
    </row>
    <row r="206" spans="1:2" x14ac:dyDescent="0.2">
      <c r="A206" s="15">
        <v>206</v>
      </c>
      <c r="B206" s="16" t="s">
        <v>100</v>
      </c>
    </row>
    <row r="207" spans="1:2" x14ac:dyDescent="0.2">
      <c r="A207" s="15">
        <v>207</v>
      </c>
      <c r="B207" s="16" t="s">
        <v>101</v>
      </c>
    </row>
    <row r="208" spans="1:2" x14ac:dyDescent="0.2">
      <c r="A208" s="15">
        <v>208</v>
      </c>
      <c r="B208" s="16" t="s">
        <v>266</v>
      </c>
    </row>
    <row r="209" spans="1:2" x14ac:dyDescent="0.2">
      <c r="A209" s="15">
        <v>209</v>
      </c>
      <c r="B209" s="16" t="s">
        <v>267</v>
      </c>
    </row>
    <row r="210" spans="1:2" x14ac:dyDescent="0.2">
      <c r="A210" s="15">
        <v>210</v>
      </c>
      <c r="B210" s="16" t="s">
        <v>268</v>
      </c>
    </row>
    <row r="211" spans="1:2" x14ac:dyDescent="0.2">
      <c r="A211" s="15">
        <v>211</v>
      </c>
      <c r="B211" s="16" t="s">
        <v>102</v>
      </c>
    </row>
    <row r="212" spans="1:2" x14ac:dyDescent="0.2">
      <c r="A212" s="15">
        <v>212</v>
      </c>
      <c r="B212" s="16" t="s">
        <v>269</v>
      </c>
    </row>
    <row r="213" spans="1:2" x14ac:dyDescent="0.2">
      <c r="A213" s="15">
        <v>213</v>
      </c>
      <c r="B213" s="16" t="s">
        <v>270</v>
      </c>
    </row>
    <row r="214" spans="1:2" x14ac:dyDescent="0.2">
      <c r="A214" s="15">
        <v>214</v>
      </c>
      <c r="B214" s="16" t="s">
        <v>271</v>
      </c>
    </row>
    <row r="215" spans="1:2" x14ac:dyDescent="0.2">
      <c r="A215" s="15">
        <v>215</v>
      </c>
      <c r="B215" s="16" t="s">
        <v>272</v>
      </c>
    </row>
    <row r="216" spans="1:2" x14ac:dyDescent="0.2">
      <c r="A216" s="15">
        <v>216</v>
      </c>
      <c r="B216" s="16" t="s">
        <v>273</v>
      </c>
    </row>
    <row r="217" spans="1:2" x14ac:dyDescent="0.2">
      <c r="A217" s="15">
        <v>217</v>
      </c>
      <c r="B217" s="16" t="s">
        <v>274</v>
      </c>
    </row>
    <row r="218" spans="1:2" x14ac:dyDescent="0.2">
      <c r="A218" s="15">
        <v>218</v>
      </c>
      <c r="B218" s="16" t="s">
        <v>275</v>
      </c>
    </row>
    <row r="219" spans="1:2" x14ac:dyDescent="0.2">
      <c r="A219" s="15">
        <v>219</v>
      </c>
      <c r="B219" s="16" t="s">
        <v>276</v>
      </c>
    </row>
    <row r="220" spans="1:2" x14ac:dyDescent="0.2">
      <c r="A220" s="15">
        <v>220</v>
      </c>
      <c r="B220" s="16" t="s">
        <v>277</v>
      </c>
    </row>
    <row r="221" spans="1:2" x14ac:dyDescent="0.2">
      <c r="A221" s="15">
        <v>221</v>
      </c>
      <c r="B221" s="16" t="s">
        <v>103</v>
      </c>
    </row>
    <row r="222" spans="1:2" x14ac:dyDescent="0.2">
      <c r="A222" s="15">
        <v>222</v>
      </c>
      <c r="B222" s="16" t="s">
        <v>104</v>
      </c>
    </row>
    <row r="223" spans="1:2" x14ac:dyDescent="0.2">
      <c r="A223" s="15">
        <v>223</v>
      </c>
      <c r="B223" s="16" t="s">
        <v>105</v>
      </c>
    </row>
    <row r="224" spans="1:2" x14ac:dyDescent="0.2">
      <c r="A224" s="15">
        <v>224</v>
      </c>
      <c r="B224" s="16" t="s">
        <v>278</v>
      </c>
    </row>
    <row r="225" spans="1:2" x14ac:dyDescent="0.2">
      <c r="A225" s="15">
        <v>225</v>
      </c>
      <c r="B225" s="16" t="s">
        <v>279</v>
      </c>
    </row>
    <row r="226" spans="1:2" x14ac:dyDescent="0.2">
      <c r="A226" s="15">
        <v>226</v>
      </c>
      <c r="B226" s="16" t="s">
        <v>357</v>
      </c>
    </row>
    <row r="227" spans="1:2" x14ac:dyDescent="0.2">
      <c r="A227" s="15">
        <v>227</v>
      </c>
      <c r="B227" s="16" t="s">
        <v>280</v>
      </c>
    </row>
    <row r="228" spans="1:2" x14ac:dyDescent="0.2">
      <c r="A228" s="15">
        <v>228</v>
      </c>
      <c r="B228" s="16" t="s">
        <v>281</v>
      </c>
    </row>
    <row r="229" spans="1:2" x14ac:dyDescent="0.2">
      <c r="A229" s="15">
        <v>229</v>
      </c>
      <c r="B229" s="16" t="s">
        <v>358</v>
      </c>
    </row>
    <row r="230" spans="1:2" x14ac:dyDescent="0.2">
      <c r="A230" s="15">
        <v>230</v>
      </c>
      <c r="B230" s="16" t="s">
        <v>282</v>
      </c>
    </row>
    <row r="231" spans="1:2" x14ac:dyDescent="0.2">
      <c r="A231" s="15">
        <v>231</v>
      </c>
      <c r="B231" s="16" t="s">
        <v>359</v>
      </c>
    </row>
    <row r="232" spans="1:2" x14ac:dyDescent="0.2">
      <c r="A232" s="15">
        <v>232</v>
      </c>
      <c r="B232" s="16" t="s">
        <v>283</v>
      </c>
    </row>
    <row r="233" spans="1:2" x14ac:dyDescent="0.2">
      <c r="A233" s="15">
        <v>233</v>
      </c>
      <c r="B233" s="16" t="s">
        <v>284</v>
      </c>
    </row>
    <row r="234" spans="1:2" x14ac:dyDescent="0.2">
      <c r="A234" s="15">
        <v>234</v>
      </c>
      <c r="B234" s="16" t="s">
        <v>360</v>
      </c>
    </row>
    <row r="235" spans="1:2" x14ac:dyDescent="0.2">
      <c r="A235" s="15">
        <v>235</v>
      </c>
      <c r="B235" s="16" t="s">
        <v>106</v>
      </c>
    </row>
    <row r="236" spans="1:2" x14ac:dyDescent="0.2">
      <c r="A236" s="15">
        <v>236</v>
      </c>
      <c r="B236" s="16" t="s">
        <v>285</v>
      </c>
    </row>
    <row r="237" spans="1:2" x14ac:dyDescent="0.2">
      <c r="A237" s="15">
        <v>237</v>
      </c>
      <c r="B237" s="16" t="s">
        <v>107</v>
      </c>
    </row>
    <row r="238" spans="1:2" x14ac:dyDescent="0.2">
      <c r="A238" s="15">
        <v>238</v>
      </c>
      <c r="B238" s="16" t="s">
        <v>361</v>
      </c>
    </row>
    <row r="239" spans="1:2" x14ac:dyDescent="0.2">
      <c r="A239" s="15">
        <v>239</v>
      </c>
      <c r="B239" s="16" t="s">
        <v>362</v>
      </c>
    </row>
    <row r="240" spans="1:2" x14ac:dyDescent="0.2">
      <c r="A240" s="15">
        <v>240</v>
      </c>
      <c r="B240" s="16" t="s">
        <v>286</v>
      </c>
    </row>
    <row r="241" spans="1:2" x14ac:dyDescent="0.2">
      <c r="A241" s="15">
        <v>241</v>
      </c>
      <c r="B241" s="16" t="s">
        <v>363</v>
      </c>
    </row>
    <row r="242" spans="1:2" x14ac:dyDescent="0.2">
      <c r="A242" s="15">
        <v>242</v>
      </c>
      <c r="B242" s="16" t="s">
        <v>364</v>
      </c>
    </row>
    <row r="243" spans="1:2" x14ac:dyDescent="0.2">
      <c r="A243" s="15">
        <v>243</v>
      </c>
      <c r="B243" s="16" t="s">
        <v>365</v>
      </c>
    </row>
    <row r="244" spans="1:2" x14ac:dyDescent="0.2">
      <c r="A244" s="15">
        <v>244</v>
      </c>
      <c r="B244" s="16" t="s">
        <v>108</v>
      </c>
    </row>
    <row r="245" spans="1:2" x14ac:dyDescent="0.2">
      <c r="A245" s="15">
        <v>245</v>
      </c>
      <c r="B245" s="16" t="s">
        <v>287</v>
      </c>
    </row>
    <row r="246" spans="1:2" x14ac:dyDescent="0.2">
      <c r="A246" s="15">
        <v>246</v>
      </c>
      <c r="B246" s="16" t="s">
        <v>288</v>
      </c>
    </row>
    <row r="247" spans="1:2" x14ac:dyDescent="0.2">
      <c r="A247" s="15">
        <v>247</v>
      </c>
      <c r="B247" s="16" t="s">
        <v>289</v>
      </c>
    </row>
    <row r="248" spans="1:2" x14ac:dyDescent="0.2">
      <c r="A248" s="15">
        <v>248</v>
      </c>
      <c r="B248" s="16" t="s">
        <v>366</v>
      </c>
    </row>
    <row r="249" spans="1:2" x14ac:dyDescent="0.2">
      <c r="A249" s="15">
        <v>249</v>
      </c>
      <c r="B249" s="16" t="s">
        <v>367</v>
      </c>
    </row>
    <row r="250" spans="1:2" x14ac:dyDescent="0.2">
      <c r="A250" s="15">
        <v>250</v>
      </c>
      <c r="B250" s="16" t="s">
        <v>368</v>
      </c>
    </row>
    <row r="251" spans="1:2" x14ac:dyDescent="0.2">
      <c r="A251" s="15">
        <v>251</v>
      </c>
      <c r="B251" s="16" t="s">
        <v>290</v>
      </c>
    </row>
    <row r="252" spans="1:2" x14ac:dyDescent="0.2">
      <c r="A252" s="15">
        <v>252</v>
      </c>
      <c r="B252" s="16" t="s">
        <v>291</v>
      </c>
    </row>
    <row r="253" spans="1:2" x14ac:dyDescent="0.2">
      <c r="A253" s="15">
        <v>253</v>
      </c>
      <c r="B253" s="16" t="s">
        <v>292</v>
      </c>
    </row>
    <row r="254" spans="1:2" x14ac:dyDescent="0.2">
      <c r="A254" s="15">
        <v>254</v>
      </c>
      <c r="B254" s="16" t="s">
        <v>293</v>
      </c>
    </row>
    <row r="255" spans="1:2" x14ac:dyDescent="0.2">
      <c r="A255" s="15">
        <v>255</v>
      </c>
      <c r="B255" s="16" t="s">
        <v>369</v>
      </c>
    </row>
    <row r="256" spans="1:2" x14ac:dyDescent="0.2">
      <c r="A256" s="15">
        <v>256</v>
      </c>
      <c r="B256" s="16" t="s">
        <v>294</v>
      </c>
    </row>
    <row r="257" spans="1:2" x14ac:dyDescent="0.2">
      <c r="A257" s="15">
        <v>257</v>
      </c>
      <c r="B257" s="16" t="s">
        <v>295</v>
      </c>
    </row>
    <row r="258" spans="1:2" x14ac:dyDescent="0.2">
      <c r="A258" s="15">
        <v>258</v>
      </c>
      <c r="B258" s="16" t="s">
        <v>370</v>
      </c>
    </row>
    <row r="259" spans="1:2" x14ac:dyDescent="0.2">
      <c r="A259" s="15">
        <v>259</v>
      </c>
      <c r="B259" s="16" t="s">
        <v>296</v>
      </c>
    </row>
    <row r="260" spans="1:2" x14ac:dyDescent="0.2">
      <c r="A260" s="15">
        <v>260</v>
      </c>
      <c r="B260" s="16" t="s">
        <v>297</v>
      </c>
    </row>
    <row r="261" spans="1:2" x14ac:dyDescent="0.2">
      <c r="A261" s="15">
        <v>261</v>
      </c>
      <c r="B261" s="16" t="s">
        <v>298</v>
      </c>
    </row>
    <row r="262" spans="1:2" x14ac:dyDescent="0.2">
      <c r="A262" s="15">
        <v>262</v>
      </c>
      <c r="B262" s="16" t="s">
        <v>299</v>
      </c>
    </row>
    <row r="263" spans="1:2" x14ac:dyDescent="0.2">
      <c r="A263" s="15">
        <v>263</v>
      </c>
      <c r="B263" s="16" t="s">
        <v>300</v>
      </c>
    </row>
    <row r="264" spans="1:2" x14ac:dyDescent="0.2">
      <c r="A264" s="15">
        <v>264</v>
      </c>
      <c r="B264" s="16" t="s">
        <v>301</v>
      </c>
    </row>
    <row r="265" spans="1:2" x14ac:dyDescent="0.2">
      <c r="A265" s="15">
        <v>265</v>
      </c>
      <c r="B265" s="16" t="s">
        <v>302</v>
      </c>
    </row>
    <row r="266" spans="1:2" x14ac:dyDescent="0.2">
      <c r="A266" s="15">
        <v>266</v>
      </c>
      <c r="B266" s="16" t="s">
        <v>303</v>
      </c>
    </row>
    <row r="267" spans="1:2" x14ac:dyDescent="0.2">
      <c r="A267" s="15">
        <v>267</v>
      </c>
      <c r="B267" s="16" t="s">
        <v>371</v>
      </c>
    </row>
    <row r="268" spans="1:2" x14ac:dyDescent="0.2">
      <c r="A268" s="15">
        <v>268</v>
      </c>
      <c r="B268" s="16" t="s">
        <v>304</v>
      </c>
    </row>
    <row r="269" spans="1:2" x14ac:dyDescent="0.2">
      <c r="A269" s="15">
        <v>269</v>
      </c>
      <c r="B269" s="16" t="s">
        <v>109</v>
      </c>
    </row>
    <row r="270" spans="1:2" x14ac:dyDescent="0.2">
      <c r="A270" s="15">
        <v>270</v>
      </c>
      <c r="B270" s="16" t="s">
        <v>305</v>
      </c>
    </row>
    <row r="271" spans="1:2" x14ac:dyDescent="0.2">
      <c r="A271" s="15">
        <v>271</v>
      </c>
      <c r="B271" s="16" t="s">
        <v>306</v>
      </c>
    </row>
    <row r="272" spans="1:2" x14ac:dyDescent="0.2">
      <c r="A272" s="15">
        <v>272</v>
      </c>
      <c r="B272" s="16" t="s">
        <v>307</v>
      </c>
    </row>
    <row r="273" spans="1:2" x14ac:dyDescent="0.2">
      <c r="A273" s="15">
        <v>273</v>
      </c>
      <c r="B273" s="16" t="s">
        <v>110</v>
      </c>
    </row>
    <row r="274" spans="1:2" x14ac:dyDescent="0.2">
      <c r="A274" s="15">
        <v>274</v>
      </c>
      <c r="B274" s="16" t="s">
        <v>308</v>
      </c>
    </row>
    <row r="275" spans="1:2" x14ac:dyDescent="0.2">
      <c r="A275" s="15">
        <v>275</v>
      </c>
      <c r="B275" s="16" t="s">
        <v>111</v>
      </c>
    </row>
    <row r="276" spans="1:2" x14ac:dyDescent="0.2">
      <c r="A276" s="15">
        <v>276</v>
      </c>
      <c r="B276" s="16" t="s">
        <v>309</v>
      </c>
    </row>
    <row r="277" spans="1:2" x14ac:dyDescent="0.2">
      <c r="A277" s="15">
        <v>277</v>
      </c>
      <c r="B277" s="16" t="s">
        <v>372</v>
      </c>
    </row>
    <row r="278" spans="1:2" x14ac:dyDescent="0.2">
      <c r="A278" s="15">
        <v>278</v>
      </c>
      <c r="B278" s="16" t="s">
        <v>373</v>
      </c>
    </row>
    <row r="279" spans="1:2" x14ac:dyDescent="0.2">
      <c r="A279" s="15">
        <v>279</v>
      </c>
      <c r="B279" s="16" t="s">
        <v>374</v>
      </c>
    </row>
    <row r="280" spans="1:2" x14ac:dyDescent="0.2">
      <c r="A280" s="15">
        <v>280</v>
      </c>
      <c r="B280" s="16" t="s">
        <v>375</v>
      </c>
    </row>
    <row r="281" spans="1:2" x14ac:dyDescent="0.2">
      <c r="A281" s="15">
        <v>281</v>
      </c>
      <c r="B281" s="16" t="s">
        <v>112</v>
      </c>
    </row>
    <row r="282" spans="1:2" x14ac:dyDescent="0.2">
      <c r="A282" s="15">
        <v>282</v>
      </c>
      <c r="B282" s="16" t="s">
        <v>113</v>
      </c>
    </row>
    <row r="283" spans="1:2" x14ac:dyDescent="0.2">
      <c r="A283" s="15">
        <v>283</v>
      </c>
      <c r="B283" s="16" t="s">
        <v>310</v>
      </c>
    </row>
    <row r="284" spans="1:2" x14ac:dyDescent="0.2">
      <c r="A284" s="15">
        <v>284</v>
      </c>
      <c r="B284" s="16" t="s">
        <v>114</v>
      </c>
    </row>
    <row r="285" spans="1:2" x14ac:dyDescent="0.2">
      <c r="A285" s="15">
        <v>285</v>
      </c>
      <c r="B285" s="16" t="s">
        <v>311</v>
      </c>
    </row>
    <row r="286" spans="1:2" x14ac:dyDescent="0.2">
      <c r="A286" s="15">
        <v>286</v>
      </c>
      <c r="B286" s="16" t="s">
        <v>312</v>
      </c>
    </row>
    <row r="287" spans="1:2" x14ac:dyDescent="0.2">
      <c r="A287" s="15">
        <v>287</v>
      </c>
      <c r="B287" s="16" t="s">
        <v>313</v>
      </c>
    </row>
    <row r="288" spans="1:2" x14ac:dyDescent="0.2">
      <c r="A288" s="15">
        <v>288</v>
      </c>
      <c r="B288" s="16" t="s">
        <v>376</v>
      </c>
    </row>
    <row r="289" spans="1:2" x14ac:dyDescent="0.2">
      <c r="A289" s="15">
        <v>289</v>
      </c>
      <c r="B289" s="16" t="s">
        <v>314</v>
      </c>
    </row>
    <row r="290" spans="1:2" x14ac:dyDescent="0.2">
      <c r="A290" s="15">
        <v>290</v>
      </c>
      <c r="B290" s="16" t="s">
        <v>315</v>
      </c>
    </row>
    <row r="291" spans="1:2" x14ac:dyDescent="0.2">
      <c r="A291" s="15">
        <v>291</v>
      </c>
      <c r="B291" s="16" t="s">
        <v>377</v>
      </c>
    </row>
    <row r="292" spans="1:2" x14ac:dyDescent="0.2">
      <c r="A292" s="15">
        <v>292</v>
      </c>
      <c r="B292" s="16" t="s">
        <v>316</v>
      </c>
    </row>
    <row r="293" spans="1:2" x14ac:dyDescent="0.2">
      <c r="A293" s="15">
        <v>293</v>
      </c>
      <c r="B293" s="16" t="s">
        <v>317</v>
      </c>
    </row>
    <row r="294" spans="1:2" x14ac:dyDescent="0.2">
      <c r="A294" s="15">
        <v>294</v>
      </c>
      <c r="B294" s="16" t="s">
        <v>318</v>
      </c>
    </row>
    <row r="295" spans="1:2" x14ac:dyDescent="0.2">
      <c r="A295" s="15">
        <v>295</v>
      </c>
      <c r="B295" s="16" t="s">
        <v>319</v>
      </c>
    </row>
    <row r="296" spans="1:2" x14ac:dyDescent="0.2">
      <c r="A296" s="15">
        <v>296</v>
      </c>
      <c r="B296" s="16" t="s">
        <v>320</v>
      </c>
    </row>
    <row r="297" spans="1:2" x14ac:dyDescent="0.2">
      <c r="A297" s="15">
        <v>297</v>
      </c>
      <c r="B297" s="16" t="s">
        <v>321</v>
      </c>
    </row>
    <row r="298" spans="1:2" x14ac:dyDescent="0.2">
      <c r="A298" s="15">
        <v>298</v>
      </c>
      <c r="B298" s="16" t="s">
        <v>322</v>
      </c>
    </row>
    <row r="299" spans="1:2" x14ac:dyDescent="0.2">
      <c r="A299" s="15">
        <v>299</v>
      </c>
      <c r="B299" s="16" t="s">
        <v>323</v>
      </c>
    </row>
    <row r="300" spans="1:2" x14ac:dyDescent="0.2">
      <c r="A300" s="15">
        <v>300</v>
      </c>
      <c r="B300" s="16" t="s">
        <v>378</v>
      </c>
    </row>
    <row r="301" spans="1:2" x14ac:dyDescent="0.2">
      <c r="A301" s="15">
        <v>301</v>
      </c>
      <c r="B301" s="16" t="s">
        <v>324</v>
      </c>
    </row>
    <row r="302" spans="1:2" x14ac:dyDescent="0.2">
      <c r="A302" s="15">
        <v>302</v>
      </c>
      <c r="B302" s="16" t="s">
        <v>115</v>
      </c>
    </row>
    <row r="303" spans="1:2" x14ac:dyDescent="0.2">
      <c r="A303" s="15">
        <v>303</v>
      </c>
      <c r="B303" s="16" t="s">
        <v>325</v>
      </c>
    </row>
    <row r="304" spans="1:2" x14ac:dyDescent="0.2">
      <c r="A304" s="15">
        <v>304</v>
      </c>
      <c r="B304" s="16" t="s">
        <v>326</v>
      </c>
    </row>
    <row r="305" spans="1:2" x14ac:dyDescent="0.2">
      <c r="A305" s="15">
        <v>305</v>
      </c>
      <c r="B305" s="16" t="s">
        <v>327</v>
      </c>
    </row>
    <row r="306" spans="1:2" x14ac:dyDescent="0.2">
      <c r="A306" s="15">
        <v>306</v>
      </c>
      <c r="B306" s="16" t="s">
        <v>328</v>
      </c>
    </row>
    <row r="307" spans="1:2" x14ac:dyDescent="0.2">
      <c r="A307" s="15">
        <v>307</v>
      </c>
      <c r="B307" s="16" t="s">
        <v>379</v>
      </c>
    </row>
    <row r="308" spans="1:2" x14ac:dyDescent="0.2">
      <c r="A308" s="15">
        <v>308</v>
      </c>
      <c r="B308" s="16" t="s">
        <v>380</v>
      </c>
    </row>
    <row r="309" spans="1:2" x14ac:dyDescent="0.2">
      <c r="A309" s="15">
        <v>309</v>
      </c>
      <c r="B309" s="16" t="s">
        <v>381</v>
      </c>
    </row>
    <row r="310" spans="1:2" x14ac:dyDescent="0.2">
      <c r="A310" s="15">
        <v>310</v>
      </c>
      <c r="B310" s="16" t="s">
        <v>382</v>
      </c>
    </row>
    <row r="311" spans="1:2" x14ac:dyDescent="0.2">
      <c r="A311" s="15">
        <v>311</v>
      </c>
      <c r="B311" s="16" t="s">
        <v>383</v>
      </c>
    </row>
    <row r="312" spans="1:2" x14ac:dyDescent="0.2">
      <c r="A312" s="15">
        <v>312</v>
      </c>
      <c r="B312" s="16" t="s">
        <v>384</v>
      </c>
    </row>
    <row r="313" spans="1:2" x14ac:dyDescent="0.2">
      <c r="A313" s="15">
        <v>313</v>
      </c>
      <c r="B313" s="16" t="s">
        <v>385</v>
      </c>
    </row>
    <row r="314" spans="1:2" x14ac:dyDescent="0.2">
      <c r="A314" s="15">
        <v>314</v>
      </c>
      <c r="B314" s="16" t="s">
        <v>386</v>
      </c>
    </row>
    <row r="315" spans="1:2" x14ac:dyDescent="0.2">
      <c r="A315" s="15">
        <v>315</v>
      </c>
      <c r="B315" s="16" t="s">
        <v>387</v>
      </c>
    </row>
    <row r="316" spans="1:2" x14ac:dyDescent="0.2">
      <c r="A316" s="15">
        <v>316</v>
      </c>
      <c r="B316" s="16" t="s">
        <v>388</v>
      </c>
    </row>
    <row r="317" spans="1:2" x14ac:dyDescent="0.2">
      <c r="A317" s="15">
        <v>317</v>
      </c>
      <c r="B317" s="16" t="s">
        <v>389</v>
      </c>
    </row>
    <row r="318" spans="1:2" x14ac:dyDescent="0.2">
      <c r="A318" s="15">
        <v>318</v>
      </c>
      <c r="B318" s="16" t="s">
        <v>390</v>
      </c>
    </row>
    <row r="319" spans="1:2" x14ac:dyDescent="0.2">
      <c r="A319" s="15">
        <v>319</v>
      </c>
      <c r="B319" s="16" t="s">
        <v>391</v>
      </c>
    </row>
    <row r="320" spans="1:2" x14ac:dyDescent="0.2">
      <c r="A320" s="15">
        <v>320</v>
      </c>
      <c r="B320" s="16" t="s">
        <v>392</v>
      </c>
    </row>
    <row r="321" spans="1:2" x14ac:dyDescent="0.2">
      <c r="A321" s="15">
        <v>321</v>
      </c>
      <c r="B321" s="16" t="s">
        <v>393</v>
      </c>
    </row>
    <row r="322" spans="1:2" x14ac:dyDescent="0.2">
      <c r="A322" s="15">
        <v>322</v>
      </c>
      <c r="B322" s="16" t="s">
        <v>394</v>
      </c>
    </row>
    <row r="323" spans="1:2" x14ac:dyDescent="0.2">
      <c r="A323" s="15">
        <v>323</v>
      </c>
      <c r="B323" s="16" t="s">
        <v>395</v>
      </c>
    </row>
    <row r="324" spans="1:2" x14ac:dyDescent="0.2">
      <c r="A324" s="15">
        <v>324</v>
      </c>
      <c r="B324" s="16" t="s">
        <v>121</v>
      </c>
    </row>
    <row r="325" spans="1:2" x14ac:dyDescent="0.2">
      <c r="A325" s="15">
        <v>325</v>
      </c>
      <c r="B325" s="16" t="s">
        <v>122</v>
      </c>
    </row>
    <row r="326" spans="1:2" x14ac:dyDescent="0.2">
      <c r="A326" s="15">
        <v>326</v>
      </c>
      <c r="B326" s="16" t="s">
        <v>123</v>
      </c>
    </row>
    <row r="327" spans="1:2" x14ac:dyDescent="0.2">
      <c r="A327" s="15">
        <v>327</v>
      </c>
      <c r="B327" s="16" t="s">
        <v>396</v>
      </c>
    </row>
    <row r="328" spans="1:2" x14ac:dyDescent="0.2">
      <c r="A328" s="15">
        <v>328</v>
      </c>
      <c r="B328" s="16" t="s">
        <v>124</v>
      </c>
    </row>
    <row r="329" spans="1:2" x14ac:dyDescent="0.2">
      <c r="A329" s="15">
        <v>329</v>
      </c>
      <c r="B329" s="16" t="s">
        <v>125</v>
      </c>
    </row>
    <row r="330" spans="1:2" x14ac:dyDescent="0.2">
      <c r="A330" s="15">
        <v>330</v>
      </c>
      <c r="B330" s="16" t="s">
        <v>397</v>
      </c>
    </row>
    <row r="331" spans="1:2" x14ac:dyDescent="0.2">
      <c r="A331" s="15">
        <v>331</v>
      </c>
      <c r="B331" s="16" t="s">
        <v>398</v>
      </c>
    </row>
    <row r="332" spans="1:2" x14ac:dyDescent="0.2">
      <c r="A332" s="15">
        <v>332</v>
      </c>
      <c r="B332" s="16" t="s">
        <v>399</v>
      </c>
    </row>
    <row r="333" spans="1:2" x14ac:dyDescent="0.2">
      <c r="A333" s="15">
        <v>333</v>
      </c>
      <c r="B333" s="16" t="s">
        <v>400</v>
      </c>
    </row>
    <row r="334" spans="1:2" x14ac:dyDescent="0.2">
      <c r="A334">
        <v>334</v>
      </c>
      <c r="B334" t="s">
        <v>401</v>
      </c>
    </row>
    <row r="335" spans="1:2" x14ac:dyDescent="0.2">
      <c r="A335">
        <v>335</v>
      </c>
      <c r="B335" t="s">
        <v>402</v>
      </c>
    </row>
    <row r="336" spans="1:2" x14ac:dyDescent="0.2">
      <c r="A336">
        <v>336</v>
      </c>
      <c r="B336" t="s">
        <v>403</v>
      </c>
    </row>
    <row r="337" spans="1:2" x14ac:dyDescent="0.2">
      <c r="A337">
        <v>337</v>
      </c>
      <c r="B337" t="s">
        <v>404</v>
      </c>
    </row>
    <row r="338" spans="1:2" x14ac:dyDescent="0.2">
      <c r="A338">
        <v>338</v>
      </c>
      <c r="B338" t="s">
        <v>405</v>
      </c>
    </row>
    <row r="339" spans="1:2" x14ac:dyDescent="0.2">
      <c r="A339">
        <v>339</v>
      </c>
      <c r="B339" s="19" t="s">
        <v>439</v>
      </c>
    </row>
    <row r="340" spans="1:2" x14ac:dyDescent="0.2">
      <c r="A340">
        <v>340</v>
      </c>
      <c r="B340" s="20" t="s">
        <v>440</v>
      </c>
    </row>
    <row r="341" spans="1:2" x14ac:dyDescent="0.2">
      <c r="A341">
        <v>341</v>
      </c>
      <c r="B341" s="20" t="s">
        <v>441</v>
      </c>
    </row>
    <row r="342" spans="1:2" x14ac:dyDescent="0.2">
      <c r="A342">
        <v>342</v>
      </c>
      <c r="B342" t="s">
        <v>451</v>
      </c>
    </row>
    <row r="343" spans="1:2" x14ac:dyDescent="0.2">
      <c r="A343">
        <v>343</v>
      </c>
      <c r="B343" t="s">
        <v>452</v>
      </c>
    </row>
    <row r="344" spans="1:2" x14ac:dyDescent="0.2">
      <c r="A344">
        <v>344</v>
      </c>
      <c r="B344" t="s">
        <v>453</v>
      </c>
    </row>
    <row r="345" spans="1:2" x14ac:dyDescent="0.2">
      <c r="A345">
        <v>345</v>
      </c>
      <c r="B345" t="s">
        <v>454</v>
      </c>
    </row>
    <row r="346" spans="1:2" x14ac:dyDescent="0.2">
      <c r="A346">
        <v>346</v>
      </c>
      <c r="B346" t="s">
        <v>455</v>
      </c>
    </row>
    <row r="347" spans="1:2" x14ac:dyDescent="0.2">
      <c r="A347">
        <v>347</v>
      </c>
      <c r="B347" t="s">
        <v>456</v>
      </c>
    </row>
    <row r="348" spans="1:2" x14ac:dyDescent="0.2">
      <c r="A348">
        <v>348</v>
      </c>
      <c r="B348" t="s">
        <v>457</v>
      </c>
    </row>
  </sheetData>
  <sheetProtection password="CC11" sheet="1" objects="1" scenarios="1" selectLockedCells="1" selectUnlockedCells="1"/>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入力してください</vt:lpstr>
      <vt:lpstr>印刷してください（本課用）</vt:lpstr>
      <vt:lpstr>印刷してください（保健所控え）</vt:lpstr>
      <vt:lpstr>印刷してください（本人控え）</vt:lpstr>
      <vt:lpstr>指定難病一覧</vt:lpstr>
      <vt:lpstr>'印刷してください（保健所控え）'!Print_Area</vt:lpstr>
      <vt:lpstr>'印刷してください（本課用）'!Print_Area</vt:lpstr>
      <vt:lpstr>'印刷してください（本人控え）'!Print_Area</vt:lpstr>
      <vt:lpstr>入力してください!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07T02:18:52Z</cp:lastPrinted>
  <dcterms:created xsi:type="dcterms:W3CDTF">2014-11-30T18:25:11Z</dcterms:created>
  <dcterms:modified xsi:type="dcterms:W3CDTF">2026-04-07T02:25:21Z</dcterms:modified>
</cp:coreProperties>
</file>